
<file path=[Content_Types].xml><?xml version="1.0" encoding="utf-8"?>
<Types xmlns="http://schemas.openxmlformats.org/package/2006/content-types">
  <Default Extension="emf" ContentType="image/x-emf"/>
  <Default Extension="fntdata" ContentType="application/x-fontdata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heme/theme2.xml" ContentType="application/vnd.openxmlformats-officedocument.theme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notesSlides/notesSlide1.xml" ContentType="application/vnd.openxmlformats-officedocument.presentationml.notesSlide+xml"/>
  <Override PartName="/ppt/tags/tag22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notesSlides/notesSlide5.xml" ContentType="application/vnd.openxmlformats-officedocument.presentationml.notesSlide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notesSlides/notesSlide11.xml" ContentType="application/vnd.openxmlformats-officedocument.presentationml.notesSlide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notesSlides/notesSlide12.xml" ContentType="application/vnd.openxmlformats-officedocument.presentationml.notesSlide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notesSlides/notesSlide13.xml" ContentType="application/vnd.openxmlformats-officedocument.presentationml.notesSlide+xml"/>
  <Override PartName="/ppt/tags/tag52.xml" ContentType="application/vnd.openxmlformats-officedocument.presentationml.tags+xml"/>
  <Override PartName="/ppt/changesInfos/changesInfo1.xml" ContentType="application/vnd.ms-powerpoint.changes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>
  <p:sldMasterIdLst>
    <p:sldMasterId id="2147483658" r:id="rId1"/>
  </p:sldMasterIdLst>
  <p:notesMasterIdLst>
    <p:notesMasterId r:id="rId22"/>
  </p:notesMasterIdLst>
  <p:sldIdLst>
    <p:sldId id="2147375254" r:id="rId2"/>
    <p:sldId id="2147375240" r:id="rId3"/>
    <p:sldId id="2147375255" r:id="rId4"/>
    <p:sldId id="2147375259" r:id="rId5"/>
    <p:sldId id="2147375272" r:id="rId6"/>
    <p:sldId id="2147375270" r:id="rId7"/>
    <p:sldId id="2147375271" r:id="rId8"/>
    <p:sldId id="2147375262" r:id="rId9"/>
    <p:sldId id="2147375263" r:id="rId10"/>
    <p:sldId id="2147375274" r:id="rId11"/>
    <p:sldId id="2147375265" r:id="rId12"/>
    <p:sldId id="2147375266" r:id="rId13"/>
    <p:sldId id="2147375268" r:id="rId14"/>
    <p:sldId id="2147375269" r:id="rId15"/>
    <p:sldId id="2147375273" r:id="rId16"/>
    <p:sldId id="2147375256" r:id="rId17"/>
    <p:sldId id="2147375258" r:id="rId18"/>
    <p:sldId id="2147375257" r:id="rId19"/>
    <p:sldId id="2147375261" r:id="rId20"/>
    <p:sldId id="2147375275" r:id="rId21"/>
  </p:sldIdLst>
  <p:sldSz cx="11963400" cy="6729413"/>
  <p:notesSz cx="6797675" cy="9926638"/>
  <p:embeddedFontLst>
    <p:embeddedFont>
      <p:font typeface="Calibri" panose="020F0502020204030204" pitchFamily="34" charset="0"/>
      <p:regular r:id="rId23"/>
      <p:bold r:id="rId24"/>
      <p:italic r:id="rId25"/>
      <p:boldItalic r:id="rId26"/>
    </p:embeddedFont>
    <p:embeddedFont>
      <p:font typeface="Cambria Math" panose="02040503050406030204" pitchFamily="18" charset="0"/>
      <p:regular r:id="rId27"/>
    </p:embeddedFont>
    <p:embeddedFont>
      <p:font typeface="Helvetica" panose="020B0604020202020204" pitchFamily="34" charset="0"/>
      <p:regular r:id="rId28"/>
      <p:bold r:id="rId29"/>
      <p:italic r:id="rId30"/>
      <p:boldItalic r:id="rId31"/>
    </p:embeddedFont>
    <p:embeddedFont>
      <p:font typeface="MetaPlusLF" panose="02000503060000020004" pitchFamily="2" charset="0"/>
      <p:regular r:id="rId32"/>
      <p:bold r:id="rId33"/>
    </p:embeddedFont>
  </p:embeddedFontLst>
  <p:defaultTextStyle>
    <a:defPPr>
      <a:defRPr lang="en-US"/>
    </a:defPPr>
    <a:lvl1pPr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MetaPlusLF" charset="0"/>
        <a:ea typeface="+mn-ea"/>
        <a:cs typeface="MetaPlusLF" charset="0"/>
      </a:defRPr>
    </a:lvl1pPr>
    <a:lvl2pPr marL="4572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MetaPlusLF" charset="0"/>
        <a:ea typeface="+mn-ea"/>
        <a:cs typeface="MetaPlusLF" charset="0"/>
      </a:defRPr>
    </a:lvl2pPr>
    <a:lvl3pPr marL="9144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MetaPlusLF" charset="0"/>
        <a:ea typeface="+mn-ea"/>
        <a:cs typeface="MetaPlusLF" charset="0"/>
      </a:defRPr>
    </a:lvl3pPr>
    <a:lvl4pPr marL="13716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MetaPlusLF" charset="0"/>
        <a:ea typeface="+mn-ea"/>
        <a:cs typeface="MetaPlusLF" charset="0"/>
      </a:defRPr>
    </a:lvl4pPr>
    <a:lvl5pPr marL="18288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MetaPlusLF" charset="0"/>
        <a:ea typeface="+mn-ea"/>
        <a:cs typeface="MetaPlusLF" charset="0"/>
      </a:defRPr>
    </a:lvl5pPr>
    <a:lvl6pPr marL="2286000" algn="l" defTabSz="914400" rtl="0" eaLnBrk="1" latinLnBrk="0" hangingPunct="1">
      <a:defRPr kern="1200">
        <a:solidFill>
          <a:schemeClr val="tx1"/>
        </a:solidFill>
        <a:latin typeface="MetaPlusLF" charset="0"/>
        <a:ea typeface="+mn-ea"/>
        <a:cs typeface="MetaPlusLF" charset="0"/>
      </a:defRPr>
    </a:lvl6pPr>
    <a:lvl7pPr marL="2743200" algn="l" defTabSz="914400" rtl="0" eaLnBrk="1" latinLnBrk="0" hangingPunct="1">
      <a:defRPr kern="1200">
        <a:solidFill>
          <a:schemeClr val="tx1"/>
        </a:solidFill>
        <a:latin typeface="MetaPlusLF" charset="0"/>
        <a:ea typeface="+mn-ea"/>
        <a:cs typeface="MetaPlusLF" charset="0"/>
      </a:defRPr>
    </a:lvl7pPr>
    <a:lvl8pPr marL="3200400" algn="l" defTabSz="914400" rtl="0" eaLnBrk="1" latinLnBrk="0" hangingPunct="1">
      <a:defRPr kern="1200">
        <a:solidFill>
          <a:schemeClr val="tx1"/>
        </a:solidFill>
        <a:latin typeface="MetaPlusLF" charset="0"/>
        <a:ea typeface="+mn-ea"/>
        <a:cs typeface="MetaPlusLF" charset="0"/>
      </a:defRPr>
    </a:lvl8pPr>
    <a:lvl9pPr marL="3657600" algn="l" defTabSz="914400" rtl="0" eaLnBrk="1" latinLnBrk="0" hangingPunct="1">
      <a:defRPr kern="1200">
        <a:solidFill>
          <a:schemeClr val="tx1"/>
        </a:solidFill>
        <a:latin typeface="MetaPlusLF" charset="0"/>
        <a:ea typeface="+mn-ea"/>
        <a:cs typeface="MetaPlusLF" charset="0"/>
      </a:defRPr>
    </a:lvl9pPr>
  </p:defaultTextStyle>
  <p:extLst>
    <p:ext uri="{521415D9-36F7-43E2-AB2F-B90AF26B5E84}">
      <p14:sectionLst xmlns:p14="http://schemas.microsoft.com/office/powerpoint/2010/main">
        <p14:section name="Standardabschnitt" id="{137D8479-4902-4486-BD5D-30D941E61D86}">
          <p14:sldIdLst>
            <p14:sldId id="2147375254"/>
            <p14:sldId id="2147375240"/>
            <p14:sldId id="2147375255"/>
            <p14:sldId id="2147375259"/>
            <p14:sldId id="2147375272"/>
            <p14:sldId id="2147375270"/>
            <p14:sldId id="2147375271"/>
            <p14:sldId id="2147375262"/>
            <p14:sldId id="2147375263"/>
            <p14:sldId id="2147375274"/>
            <p14:sldId id="2147375265"/>
            <p14:sldId id="2147375266"/>
            <p14:sldId id="2147375268"/>
            <p14:sldId id="2147375269"/>
            <p14:sldId id="2147375273"/>
            <p14:sldId id="2147375256"/>
            <p14:sldId id="2147375258"/>
            <p14:sldId id="2147375257"/>
            <p14:sldId id="2147375261"/>
            <p14:sldId id="2147375275"/>
          </p14:sldIdLst>
        </p14:section>
      </p14:sectionLst>
    </p:ext>
    <p:ext uri="{EFAFB233-063F-42B5-8137-9DF3F51BA10A}">
      <p15:sldGuideLst xmlns:p15="http://schemas.microsoft.com/office/powerpoint/2012/main">
        <p15:guide id="1" pos="3768">
          <p15:clr>
            <a:srgbClr val="A4A3A4"/>
          </p15:clr>
        </p15:guide>
        <p15:guide id="2" orient="horz" pos="2845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73E739"/>
    <a:srgbClr val="C49500"/>
    <a:srgbClr val="FF505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2913" autoAdjust="0"/>
    <p:restoredTop sz="82134" autoAdjust="0"/>
  </p:normalViewPr>
  <p:slideViewPr>
    <p:cSldViewPr snapToGrid="0">
      <p:cViewPr varScale="1">
        <p:scale>
          <a:sx n="132" d="100"/>
          <a:sy n="132" d="100"/>
        </p:scale>
        <p:origin x="1674" y="132"/>
      </p:cViewPr>
      <p:guideLst>
        <p:guide pos="3768"/>
        <p:guide orient="horz" pos="2845"/>
      </p:guideLst>
    </p:cSldViewPr>
  </p:slideViewPr>
  <p:notesTextViewPr>
    <p:cViewPr>
      <p:scale>
        <a:sx n="3" d="2"/>
        <a:sy n="3" d="2"/>
      </p:scale>
      <p:origin x="0" y="0"/>
    </p:cViewPr>
  </p:notesTextViewPr>
  <p:sorterViewPr>
    <p:cViewPr varScale="1"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66" d="100"/>
          <a:sy n="66" d="100"/>
        </p:scale>
        <p:origin x="0" y="0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font" Target="fonts/font4.fntdata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34" Type="http://schemas.openxmlformats.org/officeDocument/2006/relationships/presProps" Target="pres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font" Target="fonts/font3.fntdata"/><Relationship Id="rId33" Type="http://schemas.openxmlformats.org/officeDocument/2006/relationships/font" Target="fonts/font11.fntdata"/><Relationship Id="rId38" Type="http://schemas.microsoft.com/office/2016/11/relationships/changesInfo" Target="changesInfos/changesInfo1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font" Target="fonts/font7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2.fntdata"/><Relationship Id="rId32" Type="http://schemas.openxmlformats.org/officeDocument/2006/relationships/font" Target="fonts/font10.fntdata"/><Relationship Id="rId37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font" Target="fonts/font1.fntdata"/><Relationship Id="rId28" Type="http://schemas.openxmlformats.org/officeDocument/2006/relationships/font" Target="fonts/font6.fntdata"/><Relationship Id="rId36" Type="http://schemas.openxmlformats.org/officeDocument/2006/relationships/theme" Target="theme/theme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font" Target="fonts/font9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notesMaster" Target="notesMasters/notesMaster1.xml"/><Relationship Id="rId27" Type="http://schemas.openxmlformats.org/officeDocument/2006/relationships/font" Target="fonts/font5.fntdata"/><Relationship Id="rId30" Type="http://schemas.openxmlformats.org/officeDocument/2006/relationships/font" Target="fonts/font8.fntdata"/><Relationship Id="rId35" Type="http://schemas.openxmlformats.org/officeDocument/2006/relationships/viewProps" Target="viewProp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Nitsche, Rainer" userId="b0459796-2dba-4711-99d0-2635315bc4ac" providerId="ADAL" clId="{693462DB-F570-45D2-B339-84AFE9447AA9}"/>
    <pc:docChg chg="undo custSel addSld delSld modSld sldOrd modMainMaster modSection">
      <pc:chgData name="Nitsche, Rainer" userId="b0459796-2dba-4711-99d0-2635315bc4ac" providerId="ADAL" clId="{693462DB-F570-45D2-B339-84AFE9447AA9}" dt="2023-10-09T08:28:29.591" v="3727" actId="6549"/>
      <pc:docMkLst>
        <pc:docMk/>
      </pc:docMkLst>
      <pc:sldChg chg="delSp del mod">
        <pc:chgData name="Nitsche, Rainer" userId="b0459796-2dba-4711-99d0-2635315bc4ac" providerId="ADAL" clId="{693462DB-F570-45D2-B339-84AFE9447AA9}" dt="2023-09-25T12:01:32.871" v="48" actId="47"/>
        <pc:sldMkLst>
          <pc:docMk/>
          <pc:sldMk cId="3232129405" sldId="256"/>
        </pc:sldMkLst>
        <pc:spChg chg="del">
          <ac:chgData name="Nitsche, Rainer" userId="b0459796-2dba-4711-99d0-2635315bc4ac" providerId="ADAL" clId="{693462DB-F570-45D2-B339-84AFE9447AA9}" dt="2023-09-25T12:00:43.685" v="0" actId="478"/>
          <ac:spMkLst>
            <pc:docMk/>
            <pc:sldMk cId="3232129405" sldId="256"/>
            <ac:spMk id="16" creationId="{C9EA7696-80B5-48AE-878F-0CBF84151847}"/>
          </ac:spMkLst>
        </pc:spChg>
        <pc:spChg chg="del">
          <ac:chgData name="Nitsche, Rainer" userId="b0459796-2dba-4711-99d0-2635315bc4ac" providerId="ADAL" clId="{693462DB-F570-45D2-B339-84AFE9447AA9}" dt="2023-09-25T12:00:48.448" v="2" actId="478"/>
          <ac:spMkLst>
            <pc:docMk/>
            <pc:sldMk cId="3232129405" sldId="256"/>
            <ac:spMk id="18" creationId="{AFBF8552-5C51-4971-8471-955939E8B866}"/>
          </ac:spMkLst>
        </pc:spChg>
        <pc:cxnChg chg="del">
          <ac:chgData name="Nitsche, Rainer" userId="b0459796-2dba-4711-99d0-2635315bc4ac" providerId="ADAL" clId="{693462DB-F570-45D2-B339-84AFE9447AA9}" dt="2023-09-25T12:00:46.703" v="1" actId="478"/>
          <ac:cxnSpMkLst>
            <pc:docMk/>
            <pc:sldMk cId="3232129405" sldId="256"/>
            <ac:cxnSpMk id="17" creationId="{483E652B-1568-459F-87EC-DB5E0076A4AE}"/>
          </ac:cxnSpMkLst>
        </pc:cxnChg>
      </pc:sldChg>
      <pc:sldChg chg="del">
        <pc:chgData name="Nitsche, Rainer" userId="b0459796-2dba-4711-99d0-2635315bc4ac" providerId="ADAL" clId="{693462DB-F570-45D2-B339-84AFE9447AA9}" dt="2023-09-25T12:01:36.429" v="49" actId="47"/>
        <pc:sldMkLst>
          <pc:docMk/>
          <pc:sldMk cId="2519036181" sldId="258"/>
        </pc:sldMkLst>
      </pc:sldChg>
      <pc:sldChg chg="modSp del mod">
        <pc:chgData name="Nitsche, Rainer" userId="b0459796-2dba-4711-99d0-2635315bc4ac" providerId="ADAL" clId="{693462DB-F570-45D2-B339-84AFE9447AA9}" dt="2023-09-25T12:01:54.045" v="53" actId="47"/>
        <pc:sldMkLst>
          <pc:docMk/>
          <pc:sldMk cId="3323622515" sldId="2147375237"/>
        </pc:sldMkLst>
        <pc:picChg chg="mod">
          <ac:chgData name="Nitsche, Rainer" userId="b0459796-2dba-4711-99d0-2635315bc4ac" providerId="ADAL" clId="{693462DB-F570-45D2-B339-84AFE9447AA9}" dt="2023-09-25T12:01:45.817" v="50" actId="1076"/>
          <ac:picMkLst>
            <pc:docMk/>
            <pc:sldMk cId="3323622515" sldId="2147375237"/>
            <ac:picMk id="33" creationId="{54755C16-B2AC-E385-C082-2BFCA1A89721}"/>
          </ac:picMkLst>
        </pc:picChg>
      </pc:sldChg>
      <pc:sldChg chg="addSp delSp modSp new mod modNotesTx">
        <pc:chgData name="Nitsche, Rainer" userId="b0459796-2dba-4711-99d0-2635315bc4ac" providerId="ADAL" clId="{693462DB-F570-45D2-B339-84AFE9447AA9}" dt="2023-10-09T08:28:29.591" v="3727" actId="6549"/>
        <pc:sldMkLst>
          <pc:docMk/>
          <pc:sldMk cId="2137624205" sldId="2147375238"/>
        </pc:sldMkLst>
        <pc:spChg chg="mod">
          <ac:chgData name="Nitsche, Rainer" userId="b0459796-2dba-4711-99d0-2635315bc4ac" providerId="ADAL" clId="{693462DB-F570-45D2-B339-84AFE9447AA9}" dt="2023-10-06T06:58:09.145" v="3166" actId="20577"/>
          <ac:spMkLst>
            <pc:docMk/>
            <pc:sldMk cId="2137624205" sldId="2147375238"/>
            <ac:spMk id="3" creationId="{DE6F6B1C-BB8E-8CE1-DC5D-9B107569CEAB}"/>
          </ac:spMkLst>
        </pc:spChg>
        <pc:spChg chg="mod">
          <ac:chgData name="Nitsche, Rainer" userId="b0459796-2dba-4711-99d0-2635315bc4ac" providerId="ADAL" clId="{693462DB-F570-45D2-B339-84AFE9447AA9}" dt="2023-10-06T06:57:54.417" v="3160" actId="20577"/>
          <ac:spMkLst>
            <pc:docMk/>
            <pc:sldMk cId="2137624205" sldId="2147375238"/>
            <ac:spMk id="4" creationId="{D0BA69E1-4BCD-2F7C-E994-BC96FB4B7A88}"/>
          </ac:spMkLst>
        </pc:spChg>
        <pc:spChg chg="add mod">
          <ac:chgData name="Nitsche, Rainer" userId="b0459796-2dba-4711-99d0-2635315bc4ac" providerId="ADAL" clId="{693462DB-F570-45D2-B339-84AFE9447AA9}" dt="2023-09-27T06:15:26.633" v="3058" actId="1036"/>
          <ac:spMkLst>
            <pc:docMk/>
            <pc:sldMk cId="2137624205" sldId="2147375238"/>
            <ac:spMk id="5" creationId="{507ACAF3-5EC2-DB2F-668E-95C3D0F93CFE}"/>
          </ac:spMkLst>
        </pc:spChg>
        <pc:spChg chg="del">
          <ac:chgData name="Nitsche, Rainer" userId="b0459796-2dba-4711-99d0-2635315bc4ac" providerId="ADAL" clId="{693462DB-F570-45D2-B339-84AFE9447AA9}" dt="2023-09-25T12:06:07.829" v="198" actId="478"/>
          <ac:spMkLst>
            <pc:docMk/>
            <pc:sldMk cId="2137624205" sldId="2147375238"/>
            <ac:spMk id="5" creationId="{5D04BF72-46D8-0B6C-5876-EC71D39D2410}"/>
          </ac:spMkLst>
        </pc:spChg>
        <pc:spChg chg="add del">
          <ac:chgData name="Nitsche, Rainer" userId="b0459796-2dba-4711-99d0-2635315bc4ac" providerId="ADAL" clId="{693462DB-F570-45D2-B339-84AFE9447AA9}" dt="2023-09-26T09:11:15.108" v="1473" actId="478"/>
          <ac:spMkLst>
            <pc:docMk/>
            <pc:sldMk cId="2137624205" sldId="2147375238"/>
            <ac:spMk id="6" creationId="{589BF6BF-8B6C-6A91-391F-43294B377D32}"/>
          </ac:spMkLst>
        </pc:spChg>
        <pc:spChg chg="add del mod">
          <ac:chgData name="Nitsche, Rainer" userId="b0459796-2dba-4711-99d0-2635315bc4ac" providerId="ADAL" clId="{693462DB-F570-45D2-B339-84AFE9447AA9}" dt="2023-09-27T06:14:42.877" v="2958" actId="478"/>
          <ac:spMkLst>
            <pc:docMk/>
            <pc:sldMk cId="2137624205" sldId="2147375238"/>
            <ac:spMk id="6" creationId="{B2F9FD50-FFF0-33C6-4F66-0C0412D50B99}"/>
          </ac:spMkLst>
        </pc:spChg>
        <pc:spChg chg="add mod">
          <ac:chgData name="Nitsche, Rainer" userId="b0459796-2dba-4711-99d0-2635315bc4ac" providerId="ADAL" clId="{693462DB-F570-45D2-B339-84AFE9447AA9}" dt="2023-09-26T09:11:53.308" v="1483" actId="1076"/>
          <ac:spMkLst>
            <pc:docMk/>
            <pc:sldMk cId="2137624205" sldId="2147375238"/>
            <ac:spMk id="7" creationId="{50B91B22-6DFE-2E8F-4DE3-5EDD5F19BCA3}"/>
          </ac:spMkLst>
        </pc:spChg>
        <pc:spChg chg="add del">
          <ac:chgData name="Nitsche, Rainer" userId="b0459796-2dba-4711-99d0-2635315bc4ac" providerId="ADAL" clId="{693462DB-F570-45D2-B339-84AFE9447AA9}" dt="2023-09-25T12:01:11.385" v="5" actId="478"/>
          <ac:spMkLst>
            <pc:docMk/>
            <pc:sldMk cId="2137624205" sldId="2147375238"/>
            <ac:spMk id="7" creationId="{C46D2E34-B4FF-3D8B-0ADC-2E114260BB55}"/>
          </ac:spMkLst>
        </pc:spChg>
        <pc:spChg chg="mod">
          <ac:chgData name="Nitsche, Rainer" userId="b0459796-2dba-4711-99d0-2635315bc4ac" providerId="ADAL" clId="{693462DB-F570-45D2-B339-84AFE9447AA9}" dt="2023-09-25T12:01:17.546" v="6"/>
          <ac:spMkLst>
            <pc:docMk/>
            <pc:sldMk cId="2137624205" sldId="2147375238"/>
            <ac:spMk id="10" creationId="{AEA76E82-6D9C-3FDA-343B-8400AA85A548}"/>
          </ac:spMkLst>
        </pc:spChg>
        <pc:spChg chg="mod">
          <ac:chgData name="Nitsche, Rainer" userId="b0459796-2dba-4711-99d0-2635315bc4ac" providerId="ADAL" clId="{693462DB-F570-45D2-B339-84AFE9447AA9}" dt="2023-09-25T12:01:17.546" v="6"/>
          <ac:spMkLst>
            <pc:docMk/>
            <pc:sldMk cId="2137624205" sldId="2147375238"/>
            <ac:spMk id="11" creationId="{000E36A3-99A2-2C31-C19A-D1CEC156A576}"/>
          </ac:spMkLst>
        </pc:spChg>
        <pc:spChg chg="mod">
          <ac:chgData name="Nitsche, Rainer" userId="b0459796-2dba-4711-99d0-2635315bc4ac" providerId="ADAL" clId="{693462DB-F570-45D2-B339-84AFE9447AA9}" dt="2023-09-25T12:01:17.546" v="6"/>
          <ac:spMkLst>
            <pc:docMk/>
            <pc:sldMk cId="2137624205" sldId="2147375238"/>
            <ac:spMk id="12" creationId="{F29E8666-15F9-8693-2F2B-3D2F6DF63FB8}"/>
          </ac:spMkLst>
        </pc:spChg>
        <pc:spChg chg="mod">
          <ac:chgData name="Nitsche, Rainer" userId="b0459796-2dba-4711-99d0-2635315bc4ac" providerId="ADAL" clId="{693462DB-F570-45D2-B339-84AFE9447AA9}" dt="2023-09-25T12:01:17.546" v="6"/>
          <ac:spMkLst>
            <pc:docMk/>
            <pc:sldMk cId="2137624205" sldId="2147375238"/>
            <ac:spMk id="13" creationId="{D075CDEF-3CB1-5E48-D05B-1FB81D3BE886}"/>
          </ac:spMkLst>
        </pc:spChg>
        <pc:spChg chg="mod">
          <ac:chgData name="Nitsche, Rainer" userId="b0459796-2dba-4711-99d0-2635315bc4ac" providerId="ADAL" clId="{693462DB-F570-45D2-B339-84AFE9447AA9}" dt="2023-09-25T12:01:17.546" v="6"/>
          <ac:spMkLst>
            <pc:docMk/>
            <pc:sldMk cId="2137624205" sldId="2147375238"/>
            <ac:spMk id="14" creationId="{95A727A8-A681-205C-E4A3-AD2356C42906}"/>
          </ac:spMkLst>
        </pc:spChg>
        <pc:spChg chg="mod">
          <ac:chgData name="Nitsche, Rainer" userId="b0459796-2dba-4711-99d0-2635315bc4ac" providerId="ADAL" clId="{693462DB-F570-45D2-B339-84AFE9447AA9}" dt="2023-09-25T12:01:17.546" v="6"/>
          <ac:spMkLst>
            <pc:docMk/>
            <pc:sldMk cId="2137624205" sldId="2147375238"/>
            <ac:spMk id="15" creationId="{9600C82F-681E-C9D3-F3F7-FBCDFC72CFF1}"/>
          </ac:spMkLst>
        </pc:spChg>
        <pc:spChg chg="mod">
          <ac:chgData name="Nitsche, Rainer" userId="b0459796-2dba-4711-99d0-2635315bc4ac" providerId="ADAL" clId="{693462DB-F570-45D2-B339-84AFE9447AA9}" dt="2023-09-25T12:01:17.546" v="6"/>
          <ac:spMkLst>
            <pc:docMk/>
            <pc:sldMk cId="2137624205" sldId="2147375238"/>
            <ac:spMk id="16" creationId="{22B80FFE-7B75-A782-F19A-7581A6E240C1}"/>
          </ac:spMkLst>
        </pc:spChg>
        <pc:spChg chg="mod">
          <ac:chgData name="Nitsche, Rainer" userId="b0459796-2dba-4711-99d0-2635315bc4ac" providerId="ADAL" clId="{693462DB-F570-45D2-B339-84AFE9447AA9}" dt="2023-09-25T12:01:17.546" v="6"/>
          <ac:spMkLst>
            <pc:docMk/>
            <pc:sldMk cId="2137624205" sldId="2147375238"/>
            <ac:spMk id="17" creationId="{2530A07F-2996-E82A-2FA4-BCF283666492}"/>
          </ac:spMkLst>
        </pc:spChg>
        <pc:spChg chg="add mod">
          <ac:chgData name="Nitsche, Rainer" userId="b0459796-2dba-4711-99d0-2635315bc4ac" providerId="ADAL" clId="{693462DB-F570-45D2-B339-84AFE9447AA9}" dt="2023-09-26T09:11:58.152" v="1485" actId="1076"/>
          <ac:spMkLst>
            <pc:docMk/>
            <pc:sldMk cId="2137624205" sldId="2147375238"/>
            <ac:spMk id="19" creationId="{F4C4C376-6A55-AE21-C116-69C9E7D5823D}"/>
          </ac:spMkLst>
        </pc:spChg>
        <pc:spChg chg="add mod">
          <ac:chgData name="Nitsche, Rainer" userId="b0459796-2dba-4711-99d0-2635315bc4ac" providerId="ADAL" clId="{693462DB-F570-45D2-B339-84AFE9447AA9}" dt="2023-09-26T09:12:11.767" v="1554" actId="1038"/>
          <ac:spMkLst>
            <pc:docMk/>
            <pc:sldMk cId="2137624205" sldId="2147375238"/>
            <ac:spMk id="20" creationId="{861C3CE7-3ADC-0800-F736-008C4310608B}"/>
          </ac:spMkLst>
        </pc:spChg>
        <pc:spChg chg="add mod">
          <ac:chgData name="Nitsche, Rainer" userId="b0459796-2dba-4711-99d0-2635315bc4ac" providerId="ADAL" clId="{693462DB-F570-45D2-B339-84AFE9447AA9}" dt="2023-09-26T09:12:11.767" v="1554" actId="1038"/>
          <ac:spMkLst>
            <pc:docMk/>
            <pc:sldMk cId="2137624205" sldId="2147375238"/>
            <ac:spMk id="22" creationId="{806F25D2-8524-33E7-8300-BE96E3E35AE2}"/>
          </ac:spMkLst>
        </pc:spChg>
        <pc:spChg chg="add mod">
          <ac:chgData name="Nitsche, Rainer" userId="b0459796-2dba-4711-99d0-2635315bc4ac" providerId="ADAL" clId="{693462DB-F570-45D2-B339-84AFE9447AA9}" dt="2023-09-27T06:12:42.572" v="2949" actId="1076"/>
          <ac:spMkLst>
            <pc:docMk/>
            <pc:sldMk cId="2137624205" sldId="2147375238"/>
            <ac:spMk id="23" creationId="{2D0AD872-2B10-FE4B-1FDB-90BB31EC37F6}"/>
          </ac:spMkLst>
        </pc:spChg>
        <pc:spChg chg="add mod">
          <ac:chgData name="Nitsche, Rainer" userId="b0459796-2dba-4711-99d0-2635315bc4ac" providerId="ADAL" clId="{693462DB-F570-45D2-B339-84AFE9447AA9}" dt="2023-09-27T06:14:51.927" v="2959"/>
          <ac:spMkLst>
            <pc:docMk/>
            <pc:sldMk cId="2137624205" sldId="2147375238"/>
            <ac:spMk id="25" creationId="{9E4BFC5B-D3C0-3B33-0493-F29FD01444A6}"/>
          </ac:spMkLst>
        </pc:spChg>
        <pc:spChg chg="add del">
          <ac:chgData name="Nitsche, Rainer" userId="b0459796-2dba-4711-99d0-2635315bc4ac" providerId="ADAL" clId="{693462DB-F570-45D2-B339-84AFE9447AA9}" dt="2023-09-25T12:18:23.599" v="635" actId="478"/>
          <ac:spMkLst>
            <pc:docMk/>
            <pc:sldMk cId="2137624205" sldId="2147375238"/>
            <ac:spMk id="25" creationId="{D937FDCB-8C8F-149C-335F-61113AE0EB43}"/>
          </ac:spMkLst>
        </pc:spChg>
        <pc:spChg chg="add mod">
          <ac:chgData name="Nitsche, Rainer" userId="b0459796-2dba-4711-99d0-2635315bc4ac" providerId="ADAL" clId="{693462DB-F570-45D2-B339-84AFE9447AA9}" dt="2023-09-27T06:14:51.927" v="2959"/>
          <ac:spMkLst>
            <pc:docMk/>
            <pc:sldMk cId="2137624205" sldId="2147375238"/>
            <ac:spMk id="26" creationId="{89A174C1-07E5-FC4D-3A10-90BF3633C389}"/>
          </ac:spMkLst>
        </pc:spChg>
        <pc:grpChg chg="add mod">
          <ac:chgData name="Nitsche, Rainer" userId="b0459796-2dba-4711-99d0-2635315bc4ac" providerId="ADAL" clId="{693462DB-F570-45D2-B339-84AFE9447AA9}" dt="2023-09-25T12:01:28.489" v="47" actId="1038"/>
          <ac:grpSpMkLst>
            <pc:docMk/>
            <pc:sldMk cId="2137624205" sldId="2147375238"/>
            <ac:grpSpMk id="8" creationId="{F662E512-88AF-25FA-7F41-4BFAB8BFA7F8}"/>
          </ac:grpSpMkLst>
        </pc:grpChg>
        <pc:grpChg chg="mod">
          <ac:chgData name="Nitsche, Rainer" userId="b0459796-2dba-4711-99d0-2635315bc4ac" providerId="ADAL" clId="{693462DB-F570-45D2-B339-84AFE9447AA9}" dt="2023-09-25T12:01:17.546" v="6"/>
          <ac:grpSpMkLst>
            <pc:docMk/>
            <pc:sldMk cId="2137624205" sldId="2147375238"/>
            <ac:grpSpMk id="9" creationId="{828B5B97-B9A2-C8FF-1F95-8A18A5CF6A99}"/>
          </ac:grpSpMkLst>
        </pc:grpChg>
        <pc:picChg chg="add mod">
          <ac:chgData name="Nitsche, Rainer" userId="b0459796-2dba-4711-99d0-2635315bc4ac" providerId="ADAL" clId="{693462DB-F570-45D2-B339-84AFE9447AA9}" dt="2023-09-27T06:14:57.530" v="2960" actId="1076"/>
          <ac:picMkLst>
            <pc:docMk/>
            <pc:sldMk cId="2137624205" sldId="2147375238"/>
            <ac:picMk id="18" creationId="{973CB106-C567-501C-3B79-C22E9AA65B29}"/>
          </ac:picMkLst>
        </pc:picChg>
        <pc:picChg chg="add del mod">
          <ac:chgData name="Nitsche, Rainer" userId="b0459796-2dba-4711-99d0-2635315bc4ac" providerId="ADAL" clId="{693462DB-F570-45D2-B339-84AFE9447AA9}" dt="2023-09-25T12:05:41.386" v="191" actId="478"/>
          <ac:picMkLst>
            <pc:docMk/>
            <pc:sldMk cId="2137624205" sldId="2147375238"/>
            <ac:picMk id="19" creationId="{19C7B2CB-BA3B-2DBA-29B5-66A90DCBBE3B}"/>
          </ac:picMkLst>
        </pc:picChg>
        <pc:picChg chg="add del mod">
          <ac:chgData name="Nitsche, Rainer" userId="b0459796-2dba-4711-99d0-2635315bc4ac" providerId="ADAL" clId="{693462DB-F570-45D2-B339-84AFE9447AA9}" dt="2023-09-27T06:14:41.006" v="2957" actId="478"/>
          <ac:picMkLst>
            <pc:docMk/>
            <pc:sldMk cId="2137624205" sldId="2147375238"/>
            <ac:picMk id="21" creationId="{0E4E7414-E211-CA9D-3CE4-A7218EAD92A7}"/>
          </ac:picMkLst>
        </pc:picChg>
        <pc:picChg chg="add mod">
          <ac:chgData name="Nitsche, Rainer" userId="b0459796-2dba-4711-99d0-2635315bc4ac" providerId="ADAL" clId="{693462DB-F570-45D2-B339-84AFE9447AA9}" dt="2023-09-27T06:14:51.927" v="2959"/>
          <ac:picMkLst>
            <pc:docMk/>
            <pc:sldMk cId="2137624205" sldId="2147375238"/>
            <ac:picMk id="24" creationId="{11C897D5-9CC6-86BC-40F3-A5C47F449A7E}"/>
          </ac:picMkLst>
        </pc:picChg>
        <pc:picChg chg="add del mod">
          <ac:chgData name="Nitsche, Rainer" userId="b0459796-2dba-4711-99d0-2635315bc4ac" providerId="ADAL" clId="{693462DB-F570-45D2-B339-84AFE9447AA9}" dt="2023-09-25T12:18:56.292" v="644" actId="478"/>
          <ac:picMkLst>
            <pc:docMk/>
            <pc:sldMk cId="2137624205" sldId="2147375238"/>
            <ac:picMk id="27" creationId="{46D0FF3A-D89F-34F8-67FC-8E99BEFFDDDA}"/>
          </ac:picMkLst>
        </pc:picChg>
        <pc:picChg chg="add mod">
          <ac:chgData name="Nitsche, Rainer" userId="b0459796-2dba-4711-99d0-2635315bc4ac" providerId="ADAL" clId="{693462DB-F570-45D2-B339-84AFE9447AA9}" dt="2023-09-27T06:11:49.879" v="2945"/>
          <ac:picMkLst>
            <pc:docMk/>
            <pc:sldMk cId="2137624205" sldId="2147375238"/>
            <ac:picMk id="28" creationId="{609DBCEF-BEB3-60A4-4D82-00459624C416}"/>
          </ac:picMkLst>
        </pc:picChg>
        <pc:picChg chg="add mod ord">
          <ac:chgData name="Nitsche, Rainer" userId="b0459796-2dba-4711-99d0-2635315bc4ac" providerId="ADAL" clId="{693462DB-F570-45D2-B339-84AFE9447AA9}" dt="2023-09-27T06:15:26.633" v="3058" actId="1036"/>
          <ac:picMkLst>
            <pc:docMk/>
            <pc:sldMk cId="2137624205" sldId="2147375238"/>
            <ac:picMk id="29" creationId="{73A9E1C1-F537-2579-8082-515865CCA248}"/>
          </ac:picMkLst>
        </pc:picChg>
      </pc:sldChg>
      <pc:sldChg chg="addSp delSp modSp add del mod">
        <pc:chgData name="Nitsche, Rainer" userId="b0459796-2dba-4711-99d0-2635315bc4ac" providerId="ADAL" clId="{693462DB-F570-45D2-B339-84AFE9447AA9}" dt="2023-09-26T09:02:47.943" v="1067" actId="47"/>
        <pc:sldMkLst>
          <pc:docMk/>
          <pc:sldMk cId="422496560" sldId="2147375239"/>
        </pc:sldMkLst>
        <pc:spChg chg="del">
          <ac:chgData name="Nitsche, Rainer" userId="b0459796-2dba-4711-99d0-2635315bc4ac" providerId="ADAL" clId="{693462DB-F570-45D2-B339-84AFE9447AA9}" dt="2023-09-25T12:19:44.247" v="656" actId="478"/>
          <ac:spMkLst>
            <pc:docMk/>
            <pc:sldMk cId="422496560" sldId="2147375239"/>
            <ac:spMk id="3" creationId="{DE6F6B1C-BB8E-8CE1-DC5D-9B107569CEAB}"/>
          </ac:spMkLst>
        </pc:spChg>
        <pc:spChg chg="del">
          <ac:chgData name="Nitsche, Rainer" userId="b0459796-2dba-4711-99d0-2635315bc4ac" providerId="ADAL" clId="{693462DB-F570-45D2-B339-84AFE9447AA9}" dt="2023-09-25T12:18:43.915" v="639" actId="478"/>
          <ac:spMkLst>
            <pc:docMk/>
            <pc:sldMk cId="422496560" sldId="2147375239"/>
            <ac:spMk id="5" creationId="{5D04BF72-46D8-0B6C-5876-EC71D39D2410}"/>
          </ac:spMkLst>
        </pc:spChg>
        <pc:picChg chg="add mod">
          <ac:chgData name="Nitsche, Rainer" userId="b0459796-2dba-4711-99d0-2635315bc4ac" providerId="ADAL" clId="{693462DB-F570-45D2-B339-84AFE9447AA9}" dt="2023-09-25T12:19:41.356" v="655" actId="1076"/>
          <ac:picMkLst>
            <pc:docMk/>
            <pc:sldMk cId="422496560" sldId="2147375239"/>
            <ac:picMk id="7" creationId="{87FD09B9-21D2-2653-F0F4-480E54438F1D}"/>
          </ac:picMkLst>
        </pc:picChg>
        <pc:picChg chg="del">
          <ac:chgData name="Nitsche, Rainer" userId="b0459796-2dba-4711-99d0-2635315bc4ac" providerId="ADAL" clId="{693462DB-F570-45D2-B339-84AFE9447AA9}" dt="2023-09-25T12:18:53.892" v="643" actId="478"/>
          <ac:picMkLst>
            <pc:docMk/>
            <pc:sldMk cId="422496560" sldId="2147375239"/>
            <ac:picMk id="18" creationId="{973CB106-C567-501C-3B79-C22E9AA65B29}"/>
          </ac:picMkLst>
        </pc:picChg>
        <pc:picChg chg="add mod">
          <ac:chgData name="Nitsche, Rainer" userId="b0459796-2dba-4711-99d0-2635315bc4ac" providerId="ADAL" clId="{693462DB-F570-45D2-B339-84AFE9447AA9}" dt="2023-09-25T12:19:54.040" v="659" actId="1076"/>
          <ac:picMkLst>
            <pc:docMk/>
            <pc:sldMk cId="422496560" sldId="2147375239"/>
            <ac:picMk id="20" creationId="{BE039ED3-6F9C-BC75-01B4-A99E54A3823F}"/>
          </ac:picMkLst>
        </pc:picChg>
      </pc:sldChg>
      <pc:sldChg chg="addSp delSp modSp add mod ord">
        <pc:chgData name="Nitsche, Rainer" userId="b0459796-2dba-4711-99d0-2635315bc4ac" providerId="ADAL" clId="{693462DB-F570-45D2-B339-84AFE9447AA9}" dt="2023-10-09T08:18:21.910" v="3726" actId="20577"/>
        <pc:sldMkLst>
          <pc:docMk/>
          <pc:sldMk cId="896859053" sldId="2147375240"/>
        </pc:sldMkLst>
        <pc:spChg chg="mod">
          <ac:chgData name="Nitsche, Rainer" userId="b0459796-2dba-4711-99d0-2635315bc4ac" providerId="ADAL" clId="{693462DB-F570-45D2-B339-84AFE9447AA9}" dt="2023-10-09T08:17:03.412" v="3674" actId="20577"/>
          <ac:spMkLst>
            <pc:docMk/>
            <pc:sldMk cId="896859053" sldId="2147375240"/>
            <ac:spMk id="3" creationId="{DE6F6B1C-BB8E-8CE1-DC5D-9B107569CEAB}"/>
          </ac:spMkLst>
        </pc:spChg>
        <pc:spChg chg="mod">
          <ac:chgData name="Nitsche, Rainer" userId="b0459796-2dba-4711-99d0-2635315bc4ac" providerId="ADAL" clId="{693462DB-F570-45D2-B339-84AFE9447AA9}" dt="2023-10-06T06:54:47.044" v="3135" actId="313"/>
          <ac:spMkLst>
            <pc:docMk/>
            <pc:sldMk cId="896859053" sldId="2147375240"/>
            <ac:spMk id="4" creationId="{D0BA69E1-4BCD-2F7C-E994-BC96FB4B7A88}"/>
          </ac:spMkLst>
        </pc:spChg>
        <pc:spChg chg="add mod ord">
          <ac:chgData name="Nitsche, Rainer" userId="b0459796-2dba-4711-99d0-2635315bc4ac" providerId="ADAL" clId="{693462DB-F570-45D2-B339-84AFE9447AA9}" dt="2023-10-06T10:07:22.770" v="3261" actId="1036"/>
          <ac:spMkLst>
            <pc:docMk/>
            <pc:sldMk cId="896859053" sldId="2147375240"/>
            <ac:spMk id="5" creationId="{0801D4A1-8435-0C3C-9615-94336BE0ACB4}"/>
          </ac:spMkLst>
        </pc:spChg>
        <pc:spChg chg="add del mod">
          <ac:chgData name="Nitsche, Rainer" userId="b0459796-2dba-4711-99d0-2635315bc4ac" providerId="ADAL" clId="{693462DB-F570-45D2-B339-84AFE9447AA9}" dt="2023-09-27T05:52:08.360" v="2396" actId="478"/>
          <ac:spMkLst>
            <pc:docMk/>
            <pc:sldMk cId="896859053" sldId="2147375240"/>
            <ac:spMk id="6" creationId="{D4089E54-D9ED-4F29-4080-32FED3D45478}"/>
          </ac:spMkLst>
        </pc:spChg>
        <pc:spChg chg="add del">
          <ac:chgData name="Nitsche, Rainer" userId="b0459796-2dba-4711-99d0-2635315bc4ac" providerId="ADAL" clId="{693462DB-F570-45D2-B339-84AFE9447AA9}" dt="2023-09-26T08:58:58.558" v="1033" actId="478"/>
          <ac:spMkLst>
            <pc:docMk/>
            <pc:sldMk cId="896859053" sldId="2147375240"/>
            <ac:spMk id="18" creationId="{4BA94DA9-2CD3-EDAA-521D-69DDCF1F8B2B}"/>
          </ac:spMkLst>
        </pc:spChg>
        <pc:spChg chg="add del mod ord">
          <ac:chgData name="Nitsche, Rainer" userId="b0459796-2dba-4711-99d0-2635315bc4ac" providerId="ADAL" clId="{693462DB-F570-45D2-B339-84AFE9447AA9}" dt="2023-09-27T05:55:20.095" v="2421" actId="478"/>
          <ac:spMkLst>
            <pc:docMk/>
            <pc:sldMk cId="896859053" sldId="2147375240"/>
            <ac:spMk id="18" creationId="{A16BB627-3C9D-4459-219A-677AB882483C}"/>
          </ac:spMkLst>
        </pc:spChg>
        <pc:spChg chg="add mod ord">
          <ac:chgData name="Nitsche, Rainer" userId="b0459796-2dba-4711-99d0-2635315bc4ac" providerId="ADAL" clId="{693462DB-F570-45D2-B339-84AFE9447AA9}" dt="2023-10-06T10:07:30.639" v="3282" actId="1036"/>
          <ac:spMkLst>
            <pc:docMk/>
            <pc:sldMk cId="896859053" sldId="2147375240"/>
            <ac:spMk id="19" creationId="{AC6A0967-2431-56E7-F862-84631221EAE5}"/>
          </ac:spMkLst>
        </pc:spChg>
        <pc:spChg chg="add mod ord">
          <ac:chgData name="Nitsche, Rainer" userId="b0459796-2dba-4711-99d0-2635315bc4ac" providerId="ADAL" clId="{693462DB-F570-45D2-B339-84AFE9447AA9}" dt="2023-09-27T05:52:46.102" v="2401" actId="1076"/>
          <ac:spMkLst>
            <pc:docMk/>
            <pc:sldMk cId="896859053" sldId="2147375240"/>
            <ac:spMk id="20" creationId="{D53AC388-07E1-DA08-4511-37D09182B488}"/>
          </ac:spMkLst>
        </pc:spChg>
        <pc:spChg chg="add del mod">
          <ac:chgData name="Nitsche, Rainer" userId="b0459796-2dba-4711-99d0-2635315bc4ac" providerId="ADAL" clId="{693462DB-F570-45D2-B339-84AFE9447AA9}" dt="2023-09-26T09:01:16.999" v="1055" actId="478"/>
          <ac:spMkLst>
            <pc:docMk/>
            <pc:sldMk cId="896859053" sldId="2147375240"/>
            <ac:spMk id="21" creationId="{3D2FD935-A72D-E4F7-4E12-E7167D80CFA8}"/>
          </ac:spMkLst>
        </pc:spChg>
        <pc:spChg chg="add mod ord">
          <ac:chgData name="Nitsche, Rainer" userId="b0459796-2dba-4711-99d0-2635315bc4ac" providerId="ADAL" clId="{693462DB-F570-45D2-B339-84AFE9447AA9}" dt="2023-09-27T05:52:23.873" v="2398" actId="166"/>
          <ac:spMkLst>
            <pc:docMk/>
            <pc:sldMk cId="896859053" sldId="2147375240"/>
            <ac:spMk id="21" creationId="{BDF56AC4-4B15-90BC-92C5-6446AC252EA1}"/>
          </ac:spMkLst>
        </pc:spChg>
        <pc:spChg chg="add del mod">
          <ac:chgData name="Nitsche, Rainer" userId="b0459796-2dba-4711-99d0-2635315bc4ac" providerId="ADAL" clId="{693462DB-F570-45D2-B339-84AFE9447AA9}" dt="2023-09-26T09:00:07.674" v="1046" actId="478"/>
          <ac:spMkLst>
            <pc:docMk/>
            <pc:sldMk cId="896859053" sldId="2147375240"/>
            <ac:spMk id="22" creationId="{1019ACD2-2A3C-A5CF-065A-4AF12BA57474}"/>
          </ac:spMkLst>
        </pc:spChg>
        <pc:spChg chg="add mod">
          <ac:chgData name="Nitsche, Rainer" userId="b0459796-2dba-4711-99d0-2635315bc4ac" providerId="ADAL" clId="{693462DB-F570-45D2-B339-84AFE9447AA9}" dt="2023-09-27T05:53:22.824" v="2405" actId="692"/>
          <ac:spMkLst>
            <pc:docMk/>
            <pc:sldMk cId="896859053" sldId="2147375240"/>
            <ac:spMk id="22" creationId="{FD1C9D44-3F1A-228A-9C48-F6F0F0DBC8B2}"/>
          </ac:spMkLst>
        </pc:spChg>
        <pc:spChg chg="del">
          <ac:chgData name="Nitsche, Rainer" userId="b0459796-2dba-4711-99d0-2635315bc4ac" providerId="ADAL" clId="{693462DB-F570-45D2-B339-84AFE9447AA9}" dt="2023-09-25T13:21:13.094" v="754" actId="478"/>
          <ac:spMkLst>
            <pc:docMk/>
            <pc:sldMk cId="896859053" sldId="2147375240"/>
            <ac:spMk id="23" creationId="{2D0AD872-2B10-FE4B-1FDB-90BB31EC37F6}"/>
          </ac:spMkLst>
        </pc:spChg>
        <pc:spChg chg="add mod">
          <ac:chgData name="Nitsche, Rainer" userId="b0459796-2dba-4711-99d0-2635315bc4ac" providerId="ADAL" clId="{693462DB-F570-45D2-B339-84AFE9447AA9}" dt="2023-10-06T10:07:57.937" v="3295" actId="1038"/>
          <ac:spMkLst>
            <pc:docMk/>
            <pc:sldMk cId="896859053" sldId="2147375240"/>
            <ac:spMk id="23" creationId="{5BC28CD7-25AC-7AC8-EFF1-4F7D8BE0B9A5}"/>
          </ac:spMkLst>
        </pc:spChg>
        <pc:spChg chg="add mod">
          <ac:chgData name="Nitsche, Rainer" userId="b0459796-2dba-4711-99d0-2635315bc4ac" providerId="ADAL" clId="{693462DB-F570-45D2-B339-84AFE9447AA9}" dt="2023-09-27T05:54:42.977" v="2413" actId="1076"/>
          <ac:spMkLst>
            <pc:docMk/>
            <pc:sldMk cId="896859053" sldId="2147375240"/>
            <ac:spMk id="28" creationId="{AE81D9F4-F347-2B6F-96C2-FD24A98A8987}"/>
          </ac:spMkLst>
        </pc:spChg>
        <pc:spChg chg="add mod">
          <ac:chgData name="Nitsche, Rainer" userId="b0459796-2dba-4711-99d0-2635315bc4ac" providerId="ADAL" clId="{693462DB-F570-45D2-B339-84AFE9447AA9}" dt="2023-09-27T05:55:10.877" v="2420" actId="692"/>
          <ac:spMkLst>
            <pc:docMk/>
            <pc:sldMk cId="896859053" sldId="2147375240"/>
            <ac:spMk id="29" creationId="{F7661A3C-4B01-0EAF-14E2-532A63DA0FA7}"/>
          </ac:spMkLst>
        </pc:spChg>
        <pc:spChg chg="add mod">
          <ac:chgData name="Nitsche, Rainer" userId="b0459796-2dba-4711-99d0-2635315bc4ac" providerId="ADAL" clId="{693462DB-F570-45D2-B339-84AFE9447AA9}" dt="2023-10-06T10:07:47.531" v="3283" actId="14100"/>
          <ac:spMkLst>
            <pc:docMk/>
            <pc:sldMk cId="896859053" sldId="2147375240"/>
            <ac:spMk id="30" creationId="{FD907E56-7E58-260A-B495-D4F85E6F5DC2}"/>
          </ac:spMkLst>
        </pc:spChg>
        <pc:spChg chg="add mod ord">
          <ac:chgData name="Nitsche, Rainer" userId="b0459796-2dba-4711-99d0-2635315bc4ac" providerId="ADAL" clId="{693462DB-F570-45D2-B339-84AFE9447AA9}" dt="2023-10-09T08:18:21.910" v="3726" actId="20577"/>
          <ac:spMkLst>
            <pc:docMk/>
            <pc:sldMk cId="896859053" sldId="2147375240"/>
            <ac:spMk id="41" creationId="{05F2B298-3CE3-90B0-0D37-2AD05EE91269}"/>
          </ac:spMkLst>
        </pc:spChg>
        <pc:picChg chg="add del mod">
          <ac:chgData name="Nitsche, Rainer" userId="b0459796-2dba-4711-99d0-2635315bc4ac" providerId="ADAL" clId="{693462DB-F570-45D2-B339-84AFE9447AA9}" dt="2023-09-25T13:26:26.182" v="833" actId="478"/>
          <ac:picMkLst>
            <pc:docMk/>
            <pc:sldMk cId="896859053" sldId="2147375240"/>
            <ac:picMk id="5" creationId="{71DC3295-2E7F-471B-2F19-B3F116E8FA13}"/>
          </ac:picMkLst>
        </pc:picChg>
        <pc:picChg chg="add mod ord">
          <ac:chgData name="Nitsche, Rainer" userId="b0459796-2dba-4711-99d0-2635315bc4ac" providerId="ADAL" clId="{693462DB-F570-45D2-B339-84AFE9447AA9}" dt="2023-09-27T05:51:58.319" v="2395" actId="1038"/>
          <ac:picMkLst>
            <pc:docMk/>
            <pc:sldMk cId="896859053" sldId="2147375240"/>
            <ac:picMk id="7" creationId="{41F8AF72-4985-7C97-E3AF-84A22564C75D}"/>
          </ac:picMkLst>
        </pc:picChg>
        <pc:picChg chg="del mod">
          <ac:chgData name="Nitsche, Rainer" userId="b0459796-2dba-4711-99d0-2635315bc4ac" providerId="ADAL" clId="{693462DB-F570-45D2-B339-84AFE9447AA9}" dt="2023-09-25T13:22:07.698" v="818" actId="478"/>
          <ac:picMkLst>
            <pc:docMk/>
            <pc:sldMk cId="896859053" sldId="2147375240"/>
            <ac:picMk id="18" creationId="{973CB106-C567-501C-3B79-C22E9AA65B29}"/>
          </ac:picMkLst>
        </pc:picChg>
        <pc:picChg chg="del">
          <ac:chgData name="Nitsche, Rainer" userId="b0459796-2dba-4711-99d0-2635315bc4ac" providerId="ADAL" clId="{693462DB-F570-45D2-B339-84AFE9447AA9}" dt="2023-09-25T13:21:07.911" v="752" actId="478"/>
          <ac:picMkLst>
            <pc:docMk/>
            <pc:sldMk cId="896859053" sldId="2147375240"/>
            <ac:picMk id="21" creationId="{0E4E7414-E211-CA9D-3CE4-A7218EAD92A7}"/>
          </ac:picMkLst>
        </pc:picChg>
        <pc:picChg chg="add del mod ord">
          <ac:chgData name="Nitsche, Rainer" userId="b0459796-2dba-4711-99d0-2635315bc4ac" providerId="ADAL" clId="{693462DB-F570-45D2-B339-84AFE9447AA9}" dt="2023-10-06T10:07:06.562" v="3234" actId="1036"/>
          <ac:picMkLst>
            <pc:docMk/>
            <pc:sldMk cId="896859053" sldId="2147375240"/>
            <ac:picMk id="24" creationId="{A111110C-62EA-1D35-C2DD-64963191962B}"/>
          </ac:picMkLst>
        </pc:picChg>
        <pc:picChg chg="add mod">
          <ac:chgData name="Nitsche, Rainer" userId="b0459796-2dba-4711-99d0-2635315bc4ac" providerId="ADAL" clId="{693462DB-F570-45D2-B339-84AFE9447AA9}" dt="2023-09-27T05:51:51.574" v="2367" actId="1038"/>
          <ac:picMkLst>
            <pc:docMk/>
            <pc:sldMk cId="896859053" sldId="2147375240"/>
            <ac:picMk id="26" creationId="{646F9DAB-1A40-3F99-1821-317EC1289C7C}"/>
          </ac:picMkLst>
        </pc:picChg>
        <pc:picChg chg="del">
          <ac:chgData name="Nitsche, Rainer" userId="b0459796-2dba-4711-99d0-2635315bc4ac" providerId="ADAL" clId="{693462DB-F570-45D2-B339-84AFE9447AA9}" dt="2023-09-25T13:22:15.712" v="819" actId="478"/>
          <ac:picMkLst>
            <pc:docMk/>
            <pc:sldMk cId="896859053" sldId="2147375240"/>
            <ac:picMk id="28" creationId="{609DBCEF-BEB3-60A4-4D82-00459624C416}"/>
          </ac:picMkLst>
        </pc:picChg>
        <pc:picChg chg="del">
          <ac:chgData name="Nitsche, Rainer" userId="b0459796-2dba-4711-99d0-2635315bc4ac" providerId="ADAL" clId="{693462DB-F570-45D2-B339-84AFE9447AA9}" dt="2023-09-25T13:21:10.117" v="753" actId="478"/>
          <ac:picMkLst>
            <pc:docMk/>
            <pc:sldMk cId="896859053" sldId="2147375240"/>
            <ac:picMk id="29" creationId="{73A9E1C1-F537-2579-8082-515865CCA248}"/>
          </ac:picMkLst>
        </pc:picChg>
        <pc:cxnChg chg="add del mod">
          <ac:chgData name="Nitsche, Rainer" userId="b0459796-2dba-4711-99d0-2635315bc4ac" providerId="ADAL" clId="{693462DB-F570-45D2-B339-84AFE9447AA9}" dt="2023-09-27T05:51:28.486" v="2327" actId="478"/>
          <ac:cxnSpMkLst>
            <pc:docMk/>
            <pc:sldMk cId="896859053" sldId="2147375240"/>
            <ac:cxnSpMk id="25" creationId="{3828693B-F7C2-3DAE-6E9E-D75C0AD70DBA}"/>
          </ac:cxnSpMkLst>
        </pc:cxnChg>
        <pc:cxnChg chg="add del mod">
          <ac:chgData name="Nitsche, Rainer" userId="b0459796-2dba-4711-99d0-2635315bc4ac" providerId="ADAL" clId="{693462DB-F570-45D2-B339-84AFE9447AA9}" dt="2023-09-27T05:51:30.710" v="2328" actId="478"/>
          <ac:cxnSpMkLst>
            <pc:docMk/>
            <pc:sldMk cId="896859053" sldId="2147375240"/>
            <ac:cxnSpMk id="27" creationId="{B73E0CEB-E32F-4335-54E8-29126E19799E}"/>
          </ac:cxnSpMkLst>
        </pc:cxnChg>
        <pc:cxnChg chg="add del mod">
          <ac:chgData name="Nitsche, Rainer" userId="b0459796-2dba-4711-99d0-2635315bc4ac" providerId="ADAL" clId="{693462DB-F570-45D2-B339-84AFE9447AA9}" dt="2023-09-27T05:50:20.182" v="2317" actId="478"/>
          <ac:cxnSpMkLst>
            <pc:docMk/>
            <pc:sldMk cId="896859053" sldId="2147375240"/>
            <ac:cxnSpMk id="33" creationId="{B9CC49AE-0325-A0AC-8ED9-8374D6DF0F65}"/>
          </ac:cxnSpMkLst>
        </pc:cxnChg>
        <pc:cxnChg chg="add del mod">
          <ac:chgData name="Nitsche, Rainer" userId="b0459796-2dba-4711-99d0-2635315bc4ac" providerId="ADAL" clId="{693462DB-F570-45D2-B339-84AFE9447AA9}" dt="2023-09-27T05:50:43.374" v="2320" actId="478"/>
          <ac:cxnSpMkLst>
            <pc:docMk/>
            <pc:sldMk cId="896859053" sldId="2147375240"/>
            <ac:cxnSpMk id="38" creationId="{B5B4607E-6D6B-C380-215A-E4E9AB48F524}"/>
          </ac:cxnSpMkLst>
        </pc:cxnChg>
      </pc:sldChg>
      <pc:sldChg chg="new del">
        <pc:chgData name="Nitsche, Rainer" userId="b0459796-2dba-4711-99d0-2635315bc4ac" providerId="ADAL" clId="{693462DB-F570-45D2-B339-84AFE9447AA9}" dt="2023-09-25T13:20:10.254" v="673" actId="47"/>
        <pc:sldMkLst>
          <pc:docMk/>
          <pc:sldMk cId="947243412" sldId="2147375240"/>
        </pc:sldMkLst>
      </pc:sldChg>
      <pc:sldChg chg="addSp delSp modSp add del mod ord modNotesTx">
        <pc:chgData name="Nitsche, Rainer" userId="b0459796-2dba-4711-99d0-2635315bc4ac" providerId="ADAL" clId="{693462DB-F570-45D2-B339-84AFE9447AA9}" dt="2023-10-06T10:18:03.956" v="3318" actId="5793"/>
        <pc:sldMkLst>
          <pc:docMk/>
          <pc:sldMk cId="4127408036" sldId="2147375241"/>
        </pc:sldMkLst>
        <pc:spChg chg="mod">
          <ac:chgData name="Nitsche, Rainer" userId="b0459796-2dba-4711-99d0-2635315bc4ac" providerId="ADAL" clId="{693462DB-F570-45D2-B339-84AFE9447AA9}" dt="2023-10-06T06:56:07.205" v="3154" actId="20577"/>
          <ac:spMkLst>
            <pc:docMk/>
            <pc:sldMk cId="4127408036" sldId="2147375241"/>
            <ac:spMk id="3" creationId="{DE6F6B1C-BB8E-8CE1-DC5D-9B107569CEAB}"/>
          </ac:spMkLst>
        </pc:spChg>
        <pc:spChg chg="mod">
          <ac:chgData name="Nitsche, Rainer" userId="b0459796-2dba-4711-99d0-2635315bc4ac" providerId="ADAL" clId="{693462DB-F570-45D2-B339-84AFE9447AA9}" dt="2023-10-06T06:55:52.592" v="3150" actId="20577"/>
          <ac:spMkLst>
            <pc:docMk/>
            <pc:sldMk cId="4127408036" sldId="2147375241"/>
            <ac:spMk id="4" creationId="{D0BA69E1-4BCD-2F7C-E994-BC96FB4B7A88}"/>
          </ac:spMkLst>
        </pc:spChg>
        <pc:spChg chg="add mod">
          <ac:chgData name="Nitsche, Rainer" userId="b0459796-2dba-4711-99d0-2635315bc4ac" providerId="ADAL" clId="{693462DB-F570-45D2-B339-84AFE9447AA9}" dt="2023-09-27T06:05:12.331" v="2742" actId="1076"/>
          <ac:spMkLst>
            <pc:docMk/>
            <pc:sldMk cId="4127408036" sldId="2147375241"/>
            <ac:spMk id="6" creationId="{04C76FD8-108C-F8F9-CA88-36D29591D3E9}"/>
          </ac:spMkLst>
        </pc:spChg>
        <pc:spChg chg="add mod">
          <ac:chgData name="Nitsche, Rainer" userId="b0459796-2dba-4711-99d0-2635315bc4ac" providerId="ADAL" clId="{693462DB-F570-45D2-B339-84AFE9447AA9}" dt="2023-09-27T06:05:33.855" v="2745" actId="14100"/>
          <ac:spMkLst>
            <pc:docMk/>
            <pc:sldMk cId="4127408036" sldId="2147375241"/>
            <ac:spMk id="20" creationId="{09A714D7-3D30-3F87-29AE-2FD694FF6A13}"/>
          </ac:spMkLst>
        </pc:spChg>
        <pc:spChg chg="del">
          <ac:chgData name="Nitsche, Rainer" userId="b0459796-2dba-4711-99d0-2635315bc4ac" providerId="ADAL" clId="{693462DB-F570-45D2-B339-84AFE9447AA9}" dt="2023-09-25T13:32:34.109" v="853" actId="478"/>
          <ac:spMkLst>
            <pc:docMk/>
            <pc:sldMk cId="4127408036" sldId="2147375241"/>
            <ac:spMk id="20" creationId="{D53AC388-07E1-DA08-4511-37D09182B488}"/>
          </ac:spMkLst>
        </pc:spChg>
        <pc:spChg chg="add del">
          <ac:chgData name="Nitsche, Rainer" userId="b0459796-2dba-4711-99d0-2635315bc4ac" providerId="ADAL" clId="{693462DB-F570-45D2-B339-84AFE9447AA9}" dt="2023-09-27T06:06:24.458" v="2747" actId="478"/>
          <ac:spMkLst>
            <pc:docMk/>
            <pc:sldMk cId="4127408036" sldId="2147375241"/>
            <ac:spMk id="22" creationId="{3AA8436B-F28E-D4B4-9835-3A76451E49F9}"/>
          </ac:spMkLst>
        </pc:spChg>
        <pc:spChg chg="add mod">
          <ac:chgData name="Nitsche, Rainer" userId="b0459796-2dba-4711-99d0-2635315bc4ac" providerId="ADAL" clId="{693462DB-F570-45D2-B339-84AFE9447AA9}" dt="2023-09-27T06:03:06.482" v="2664" actId="1038"/>
          <ac:spMkLst>
            <pc:docMk/>
            <pc:sldMk cId="4127408036" sldId="2147375241"/>
            <ac:spMk id="23" creationId="{4C197550-9865-F849-422D-2B4E4120407B}"/>
          </ac:spMkLst>
        </pc:spChg>
        <pc:spChg chg="add mod">
          <ac:chgData name="Nitsche, Rainer" userId="b0459796-2dba-4711-99d0-2635315bc4ac" providerId="ADAL" clId="{693462DB-F570-45D2-B339-84AFE9447AA9}" dt="2023-10-06T06:56:24.174" v="3155" actId="20577"/>
          <ac:spMkLst>
            <pc:docMk/>
            <pc:sldMk cId="4127408036" sldId="2147375241"/>
            <ac:spMk id="24" creationId="{66B299C2-B11A-F910-6306-25D2AE6F1DA3}"/>
          </ac:spMkLst>
        </pc:spChg>
        <pc:spChg chg="add mod">
          <ac:chgData name="Nitsche, Rainer" userId="b0459796-2dba-4711-99d0-2635315bc4ac" providerId="ADAL" clId="{693462DB-F570-45D2-B339-84AFE9447AA9}" dt="2023-09-27T06:08:50.726" v="2898" actId="164"/>
          <ac:spMkLst>
            <pc:docMk/>
            <pc:sldMk cId="4127408036" sldId="2147375241"/>
            <ac:spMk id="25" creationId="{EEF1F996-CCF5-9992-7404-FD12D10FE78C}"/>
          </ac:spMkLst>
        </pc:spChg>
        <pc:spChg chg="add mod">
          <ac:chgData name="Nitsche, Rainer" userId="b0459796-2dba-4711-99d0-2635315bc4ac" providerId="ADAL" clId="{693462DB-F570-45D2-B339-84AFE9447AA9}" dt="2023-10-06T06:56:54.471" v="3157" actId="20577"/>
          <ac:spMkLst>
            <pc:docMk/>
            <pc:sldMk cId="4127408036" sldId="2147375241"/>
            <ac:spMk id="26" creationId="{966E125E-5BC1-AF8A-4F74-C6009782D52E}"/>
          </ac:spMkLst>
        </pc:spChg>
        <pc:grpChg chg="add mod">
          <ac:chgData name="Nitsche, Rainer" userId="b0459796-2dba-4711-99d0-2635315bc4ac" providerId="ADAL" clId="{693462DB-F570-45D2-B339-84AFE9447AA9}" dt="2023-09-27T06:09:15.333" v="2942" actId="12788"/>
          <ac:grpSpMkLst>
            <pc:docMk/>
            <pc:sldMk cId="4127408036" sldId="2147375241"/>
            <ac:grpSpMk id="28" creationId="{90843998-54B3-03DD-2855-D63EAF2C222E}"/>
          </ac:grpSpMkLst>
        </pc:grpChg>
        <pc:picChg chg="mod">
          <ac:chgData name="Nitsche, Rainer" userId="b0459796-2dba-4711-99d0-2635315bc4ac" providerId="ADAL" clId="{693462DB-F570-45D2-B339-84AFE9447AA9}" dt="2023-09-27T06:04:54.603" v="2738" actId="1038"/>
          <ac:picMkLst>
            <pc:docMk/>
            <pc:sldMk cId="4127408036" sldId="2147375241"/>
            <ac:picMk id="5" creationId="{71DC3295-2E7F-471B-2F19-B3F116E8FA13}"/>
          </ac:picMkLst>
        </pc:picChg>
        <pc:picChg chg="add del mod">
          <ac:chgData name="Nitsche, Rainer" userId="b0459796-2dba-4711-99d0-2635315bc4ac" providerId="ADAL" clId="{693462DB-F570-45D2-B339-84AFE9447AA9}" dt="2023-09-26T08:43:03.141" v="867" actId="478"/>
          <ac:picMkLst>
            <pc:docMk/>
            <pc:sldMk cId="4127408036" sldId="2147375241"/>
            <ac:picMk id="6" creationId="{A621D8C6-EE4E-E36A-ADF6-760BFF11FD43}"/>
          </ac:picMkLst>
        </pc:picChg>
        <pc:picChg chg="del">
          <ac:chgData name="Nitsche, Rainer" userId="b0459796-2dba-4711-99d0-2635315bc4ac" providerId="ADAL" clId="{693462DB-F570-45D2-B339-84AFE9447AA9}" dt="2023-09-25T13:32:28.740" v="851" actId="478"/>
          <ac:picMkLst>
            <pc:docMk/>
            <pc:sldMk cId="4127408036" sldId="2147375241"/>
            <ac:picMk id="7" creationId="{41F8AF72-4985-7C97-E3AF-84A22564C75D}"/>
          </ac:picMkLst>
        </pc:picChg>
        <pc:picChg chg="add mod ord">
          <ac:chgData name="Nitsche, Rainer" userId="b0459796-2dba-4711-99d0-2635315bc4ac" providerId="ADAL" clId="{693462DB-F570-45D2-B339-84AFE9447AA9}" dt="2023-09-27T06:08:50.726" v="2898" actId="164"/>
          <ac:picMkLst>
            <pc:docMk/>
            <pc:sldMk cId="4127408036" sldId="2147375241"/>
            <ac:picMk id="7" creationId="{54863792-240C-4618-B1EA-C60E7458FDF9}"/>
          </ac:picMkLst>
        </pc:picChg>
        <pc:picChg chg="add mod">
          <ac:chgData name="Nitsche, Rainer" userId="b0459796-2dba-4711-99d0-2635315bc4ac" providerId="ADAL" clId="{693462DB-F570-45D2-B339-84AFE9447AA9}" dt="2023-09-27T06:03:12.552" v="2665" actId="14100"/>
          <ac:picMkLst>
            <pc:docMk/>
            <pc:sldMk cId="4127408036" sldId="2147375241"/>
            <ac:picMk id="18" creationId="{28DF6D67-78C6-901B-32E8-2233A813D1A6}"/>
          </ac:picMkLst>
        </pc:picChg>
        <pc:picChg chg="add mod">
          <ac:chgData name="Nitsche, Rainer" userId="b0459796-2dba-4711-99d0-2635315bc4ac" providerId="ADAL" clId="{693462DB-F570-45D2-B339-84AFE9447AA9}" dt="2023-09-27T06:08:50.726" v="2898" actId="164"/>
          <ac:picMkLst>
            <pc:docMk/>
            <pc:sldMk cId="4127408036" sldId="2147375241"/>
            <ac:picMk id="19" creationId="{4DA42565-F8A3-BCA0-C8CF-BD7F23326656}"/>
          </ac:picMkLst>
        </pc:picChg>
        <pc:picChg chg="del">
          <ac:chgData name="Nitsche, Rainer" userId="b0459796-2dba-4711-99d0-2635315bc4ac" providerId="ADAL" clId="{693462DB-F570-45D2-B339-84AFE9447AA9}" dt="2023-09-25T13:32:29.802" v="852" actId="478"/>
          <ac:picMkLst>
            <pc:docMk/>
            <pc:sldMk cId="4127408036" sldId="2147375241"/>
            <ac:picMk id="24" creationId="{A111110C-62EA-1D35-C2DD-64963191962B}"/>
          </ac:picMkLst>
        </pc:picChg>
        <pc:cxnChg chg="add mod ord">
          <ac:chgData name="Nitsche, Rainer" userId="b0459796-2dba-4711-99d0-2635315bc4ac" providerId="ADAL" clId="{693462DB-F570-45D2-B339-84AFE9447AA9}" dt="2023-09-27T06:08:50.726" v="2898" actId="164"/>
          <ac:cxnSpMkLst>
            <pc:docMk/>
            <pc:sldMk cId="4127408036" sldId="2147375241"/>
            <ac:cxnSpMk id="21" creationId="{F064062C-0B15-75AE-95B7-8DB0A695540C}"/>
          </ac:cxnSpMkLst>
        </pc:cxnChg>
      </pc:sldChg>
      <pc:sldChg chg="add del">
        <pc:chgData name="Nitsche, Rainer" userId="b0459796-2dba-4711-99d0-2635315bc4ac" providerId="ADAL" clId="{693462DB-F570-45D2-B339-84AFE9447AA9}" dt="2023-09-27T06:16:22.711" v="3061" actId="47"/>
        <pc:sldMkLst>
          <pc:docMk/>
          <pc:sldMk cId="296989083" sldId="2147375242"/>
        </pc:sldMkLst>
      </pc:sldChg>
      <pc:sldMasterChg chg="modSp mod">
        <pc:chgData name="Nitsche, Rainer" userId="b0459796-2dba-4711-99d0-2635315bc4ac" providerId="ADAL" clId="{693462DB-F570-45D2-B339-84AFE9447AA9}" dt="2023-10-06T10:08:22.363" v="3301" actId="20577"/>
        <pc:sldMasterMkLst>
          <pc:docMk/>
          <pc:sldMasterMk cId="0" sldId="2147483658"/>
        </pc:sldMasterMkLst>
        <pc:spChg chg="mod">
          <ac:chgData name="Nitsche, Rainer" userId="b0459796-2dba-4711-99d0-2635315bc4ac" providerId="ADAL" clId="{693462DB-F570-45D2-B339-84AFE9447AA9}" dt="2023-10-06T10:08:22.358" v="3296" actId="20577"/>
          <ac:spMkLst>
            <pc:docMk/>
            <pc:sldMasterMk cId="0" sldId="2147483658"/>
            <ac:spMk id="16" creationId="{00000000-0000-0000-0000-000000000000}"/>
          </ac:spMkLst>
        </pc:spChg>
        <pc:spChg chg="mod">
          <ac:chgData name="Nitsche, Rainer" userId="b0459796-2dba-4711-99d0-2635315bc4ac" providerId="ADAL" clId="{693462DB-F570-45D2-B339-84AFE9447AA9}" dt="2023-10-06T10:08:22.360" v="3297" actId="20577"/>
          <ac:spMkLst>
            <pc:docMk/>
            <pc:sldMasterMk cId="0" sldId="2147483658"/>
            <ac:spMk id="25" creationId="{00000000-0000-0000-0000-000000000000}"/>
          </ac:spMkLst>
        </pc:spChg>
        <pc:spChg chg="mod">
          <ac:chgData name="Nitsche, Rainer" userId="b0459796-2dba-4711-99d0-2635315bc4ac" providerId="ADAL" clId="{693462DB-F570-45D2-B339-84AFE9447AA9}" dt="2023-10-06T10:08:22.361" v="3298" actId="20577"/>
          <ac:spMkLst>
            <pc:docMk/>
            <pc:sldMasterMk cId="0" sldId="2147483658"/>
            <ac:spMk id="26" creationId="{00000000-0000-0000-0000-000000000000}"/>
          </ac:spMkLst>
        </pc:spChg>
        <pc:spChg chg="mod">
          <ac:chgData name="Nitsche, Rainer" userId="b0459796-2dba-4711-99d0-2635315bc4ac" providerId="ADAL" clId="{693462DB-F570-45D2-B339-84AFE9447AA9}" dt="2023-10-06T10:08:22.362" v="3299" actId="20577"/>
          <ac:spMkLst>
            <pc:docMk/>
            <pc:sldMasterMk cId="0" sldId="2147483658"/>
            <ac:spMk id="28" creationId="{00000000-0000-0000-0000-000000000000}"/>
          </ac:spMkLst>
        </pc:spChg>
        <pc:spChg chg="mod">
          <ac:chgData name="Nitsche, Rainer" userId="b0459796-2dba-4711-99d0-2635315bc4ac" providerId="ADAL" clId="{693462DB-F570-45D2-B339-84AFE9447AA9}" dt="2023-10-06T10:08:22.362" v="3300" actId="20577"/>
          <ac:spMkLst>
            <pc:docMk/>
            <pc:sldMasterMk cId="0" sldId="2147483658"/>
            <ac:spMk id="29" creationId="{00000000-0000-0000-0000-000000000000}"/>
          </ac:spMkLst>
        </pc:spChg>
        <pc:spChg chg="mod">
          <ac:chgData name="Nitsche, Rainer" userId="b0459796-2dba-4711-99d0-2635315bc4ac" providerId="ADAL" clId="{693462DB-F570-45D2-B339-84AFE9447AA9}" dt="2023-10-06T10:08:22.363" v="3301" actId="20577"/>
          <ac:spMkLst>
            <pc:docMk/>
            <pc:sldMasterMk cId="0" sldId="2147483658"/>
            <ac:spMk id="30" creationId="{00000000-0000-0000-0000-000000000000}"/>
          </ac:spMkLst>
        </pc:spChg>
      </pc:sldMasterChg>
    </pc:docChg>
  </pc:docChgLst>
  <pc:docChgLst>
    <pc:chgData name="Nitsche, Rainer" userId="b0459796-2dba-4711-99d0-2635315bc4ac" providerId="ADAL" clId="{DD22B1EE-1AB9-4A82-AD2E-E7AE46E39B14}"/>
    <pc:docChg chg="undo custSel delSld modSld delMainMaster modMainMaster delSection modSection">
      <pc:chgData name="Nitsche, Rainer" userId="b0459796-2dba-4711-99d0-2635315bc4ac" providerId="ADAL" clId="{DD22B1EE-1AB9-4A82-AD2E-E7AE46E39B14}" dt="2023-07-23T09:35:45.769" v="303" actId="1038"/>
      <pc:docMkLst>
        <pc:docMk/>
      </pc:docMkLst>
      <pc:sldChg chg="del">
        <pc:chgData name="Nitsche, Rainer" userId="b0459796-2dba-4711-99d0-2635315bc4ac" providerId="ADAL" clId="{DD22B1EE-1AB9-4A82-AD2E-E7AE46E39B14}" dt="2023-07-21T13:30:04.515" v="164" actId="47"/>
        <pc:sldMkLst>
          <pc:docMk/>
          <pc:sldMk cId="157840420" sldId="262"/>
        </pc:sldMkLst>
      </pc:sldChg>
      <pc:sldChg chg="del">
        <pc:chgData name="Nitsche, Rainer" userId="b0459796-2dba-4711-99d0-2635315bc4ac" providerId="ADAL" clId="{DD22B1EE-1AB9-4A82-AD2E-E7AE46E39B14}" dt="2023-07-20T07:21:17.540" v="12" actId="47"/>
        <pc:sldMkLst>
          <pc:docMk/>
          <pc:sldMk cId="1204461295" sldId="271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2556194338" sldId="275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1352754063" sldId="276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824369323" sldId="280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2236180529" sldId="281"/>
        </pc:sldMkLst>
      </pc:sldChg>
      <pc:sldChg chg="del">
        <pc:chgData name="Nitsche, Rainer" userId="b0459796-2dba-4711-99d0-2635315bc4ac" providerId="ADAL" clId="{DD22B1EE-1AB9-4A82-AD2E-E7AE46E39B14}" dt="2023-07-21T13:30:01.876" v="163" actId="47"/>
        <pc:sldMkLst>
          <pc:docMk/>
          <pc:sldMk cId="2642617051" sldId="2147375225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395204221" sldId="2147375226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2852340452" sldId="2147375229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3928927939" sldId="2147375230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3223577053" sldId="2147375231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869001541" sldId="2147375233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1621069368" sldId="2147375234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2660469299" sldId="2147375235"/>
        </pc:sldMkLst>
      </pc:sldChg>
      <pc:sldChg chg="delSp modSp mod">
        <pc:chgData name="Nitsche, Rainer" userId="b0459796-2dba-4711-99d0-2635315bc4ac" providerId="ADAL" clId="{DD22B1EE-1AB9-4A82-AD2E-E7AE46E39B14}" dt="2023-07-20T07:21:47.014" v="17" actId="478"/>
        <pc:sldMkLst>
          <pc:docMk/>
          <pc:sldMk cId="2645630759" sldId="2147375236"/>
        </pc:sldMkLst>
        <pc:spChg chg="mod">
          <ac:chgData name="Nitsche, Rainer" userId="b0459796-2dba-4711-99d0-2635315bc4ac" providerId="ADAL" clId="{DD22B1EE-1AB9-4A82-AD2E-E7AE46E39B14}" dt="2023-07-20T07:21:21.268" v="14" actId="20577"/>
          <ac:spMkLst>
            <pc:docMk/>
            <pc:sldMk cId="2645630759" sldId="2147375236"/>
            <ac:spMk id="5" creationId="{A83A29CE-7738-450E-AA88-DDBAB8958AEB}"/>
          </ac:spMkLst>
        </pc:spChg>
        <pc:cxnChg chg="del">
          <ac:chgData name="Nitsche, Rainer" userId="b0459796-2dba-4711-99d0-2635315bc4ac" providerId="ADAL" clId="{DD22B1EE-1AB9-4A82-AD2E-E7AE46E39B14}" dt="2023-07-20T07:21:47.014" v="17" actId="478"/>
          <ac:cxnSpMkLst>
            <pc:docMk/>
            <pc:sldMk cId="2645630759" sldId="2147375236"/>
            <ac:cxnSpMk id="20" creationId="{2F604774-DFBA-24EC-E858-724239036751}"/>
          </ac:cxnSpMkLst>
        </pc:cxnChg>
        <pc:cxnChg chg="del">
          <ac:chgData name="Nitsche, Rainer" userId="b0459796-2dba-4711-99d0-2635315bc4ac" providerId="ADAL" clId="{DD22B1EE-1AB9-4A82-AD2E-E7AE46E39B14}" dt="2023-07-20T07:21:45.545" v="16" actId="478"/>
          <ac:cxnSpMkLst>
            <pc:docMk/>
            <pc:sldMk cId="2645630759" sldId="2147375236"/>
            <ac:cxnSpMk id="24" creationId="{52A9CDC7-94CC-E3B4-18E2-9DF1F1223906}"/>
          </ac:cxnSpMkLst>
        </pc:cxnChg>
      </pc:sldChg>
      <pc:sldChg chg="addSp delSp modSp mod">
        <pc:chgData name="Nitsche, Rainer" userId="b0459796-2dba-4711-99d0-2635315bc4ac" providerId="ADAL" clId="{DD22B1EE-1AB9-4A82-AD2E-E7AE46E39B14}" dt="2023-07-23T09:35:45.769" v="303" actId="1038"/>
        <pc:sldMkLst>
          <pc:docMk/>
          <pc:sldMk cId="3323622515" sldId="2147375237"/>
        </pc:sldMkLst>
        <pc:spChg chg="mod">
          <ac:chgData name="Nitsche, Rainer" userId="b0459796-2dba-4711-99d0-2635315bc4ac" providerId="ADAL" clId="{DD22B1EE-1AB9-4A82-AD2E-E7AE46E39B14}" dt="2023-07-21T13:18:44.673" v="147" actId="20577"/>
          <ac:spMkLst>
            <pc:docMk/>
            <pc:sldMk cId="3323622515" sldId="2147375237"/>
            <ac:spMk id="25" creationId="{D639B678-E2C4-42F2-910C-441DB3739F20}"/>
          </ac:spMkLst>
        </pc:spChg>
        <pc:spChg chg="mod">
          <ac:chgData name="Nitsche, Rainer" userId="b0459796-2dba-4711-99d0-2635315bc4ac" providerId="ADAL" clId="{DD22B1EE-1AB9-4A82-AD2E-E7AE46E39B14}" dt="2023-07-21T13:29:40.501" v="162" actId="20577"/>
          <ac:spMkLst>
            <pc:docMk/>
            <pc:sldMk cId="3323622515" sldId="2147375237"/>
            <ac:spMk id="46" creationId="{CD00124F-3C33-429B-A689-93EBB9DC8D3E}"/>
          </ac:spMkLst>
        </pc:spChg>
        <pc:spChg chg="mod topLvl">
          <ac:chgData name="Nitsche, Rainer" userId="b0459796-2dba-4711-99d0-2635315bc4ac" providerId="ADAL" clId="{DD22B1EE-1AB9-4A82-AD2E-E7AE46E39B14}" dt="2023-07-21T13:16:12.106" v="132" actId="1076"/>
          <ac:spMkLst>
            <pc:docMk/>
            <pc:sldMk cId="3323622515" sldId="2147375237"/>
            <ac:spMk id="47" creationId="{36A6F8B0-C2F3-EED0-F8D9-3AD583BF020C}"/>
          </ac:spMkLst>
        </pc:spChg>
        <pc:spChg chg="mod">
          <ac:chgData name="Nitsche, Rainer" userId="b0459796-2dba-4711-99d0-2635315bc4ac" providerId="ADAL" clId="{DD22B1EE-1AB9-4A82-AD2E-E7AE46E39B14}" dt="2023-07-21T13:08:33.031" v="23" actId="20577"/>
          <ac:spMkLst>
            <pc:docMk/>
            <pc:sldMk cId="3323622515" sldId="2147375237"/>
            <ac:spMk id="53" creationId="{5701E8ED-8A51-585F-160F-FD356B6F6BE0}"/>
          </ac:spMkLst>
        </pc:spChg>
        <pc:spChg chg="mod">
          <ac:chgData name="Nitsche, Rainer" userId="b0459796-2dba-4711-99d0-2635315bc4ac" providerId="ADAL" clId="{DD22B1EE-1AB9-4A82-AD2E-E7AE46E39B14}" dt="2023-07-21T13:11:52.293" v="91" actId="1076"/>
          <ac:spMkLst>
            <pc:docMk/>
            <pc:sldMk cId="3323622515" sldId="2147375237"/>
            <ac:spMk id="56" creationId="{2C2E6244-4CB0-9207-503E-BD05F7AAF6E1}"/>
          </ac:spMkLst>
        </pc:spChg>
        <pc:grpChg chg="add del">
          <ac:chgData name="Nitsche, Rainer" userId="b0459796-2dba-4711-99d0-2635315bc4ac" providerId="ADAL" clId="{DD22B1EE-1AB9-4A82-AD2E-E7AE46E39B14}" dt="2023-07-21T13:10:58.480" v="63" actId="165"/>
          <ac:grpSpMkLst>
            <pc:docMk/>
            <pc:sldMk cId="3323622515" sldId="2147375237"/>
            <ac:grpSpMk id="60" creationId="{F061D8D9-463A-F8F5-6DA7-A7099FB4A4DC}"/>
          </ac:grpSpMkLst>
        </pc:grpChg>
        <pc:picChg chg="add del mod">
          <ac:chgData name="Nitsche, Rainer" userId="b0459796-2dba-4711-99d0-2635315bc4ac" providerId="ADAL" clId="{DD22B1EE-1AB9-4A82-AD2E-E7AE46E39B14}" dt="2023-07-23T09:32:22.208" v="269" actId="478"/>
          <ac:picMkLst>
            <pc:docMk/>
            <pc:sldMk cId="3323622515" sldId="2147375237"/>
            <ac:picMk id="28" creationId="{B7865BA8-0E86-DA32-DC2C-7E5318938450}"/>
          </ac:picMkLst>
        </pc:picChg>
        <pc:picChg chg="add mod">
          <ac:chgData name="Nitsche, Rainer" userId="b0459796-2dba-4711-99d0-2635315bc4ac" providerId="ADAL" clId="{DD22B1EE-1AB9-4A82-AD2E-E7AE46E39B14}" dt="2023-07-23T09:32:43.130" v="272" actId="1076"/>
          <ac:picMkLst>
            <pc:docMk/>
            <pc:sldMk cId="3323622515" sldId="2147375237"/>
            <ac:picMk id="33" creationId="{54755C16-B2AC-E385-C082-2BFCA1A89721}"/>
          </ac:picMkLst>
        </pc:picChg>
        <pc:picChg chg="add mod">
          <ac:chgData name="Nitsche, Rainer" userId="b0459796-2dba-4711-99d0-2635315bc4ac" providerId="ADAL" clId="{DD22B1EE-1AB9-4A82-AD2E-E7AE46E39B14}" dt="2023-07-23T09:35:45.769" v="303" actId="1038"/>
          <ac:picMkLst>
            <pc:docMk/>
            <pc:sldMk cId="3323622515" sldId="2147375237"/>
            <ac:picMk id="34" creationId="{312E9E21-2DEE-2B17-C3D8-68E6F2ED73B3}"/>
          </ac:picMkLst>
        </pc:picChg>
        <pc:picChg chg="mod">
          <ac:chgData name="Nitsche, Rainer" userId="b0459796-2dba-4711-99d0-2635315bc4ac" providerId="ADAL" clId="{DD22B1EE-1AB9-4A82-AD2E-E7AE46E39B14}" dt="2023-07-21T13:16:20.250" v="134" actId="1076"/>
          <ac:picMkLst>
            <pc:docMk/>
            <pc:sldMk cId="3323622515" sldId="2147375237"/>
            <ac:picMk id="44" creationId="{F67F110B-E01D-B28A-BCD7-5C86F8BEC6FE}"/>
          </ac:picMkLst>
        </pc:picChg>
        <pc:picChg chg="mod">
          <ac:chgData name="Nitsche, Rainer" userId="b0459796-2dba-4711-99d0-2635315bc4ac" providerId="ADAL" clId="{DD22B1EE-1AB9-4A82-AD2E-E7AE46E39B14}" dt="2023-07-21T13:16:16.501" v="133" actId="1076"/>
          <ac:picMkLst>
            <pc:docMk/>
            <pc:sldMk cId="3323622515" sldId="2147375237"/>
            <ac:picMk id="55" creationId="{CA51E42B-4818-FE85-8F89-9A09F24EEEBF}"/>
          </ac:picMkLst>
        </pc:picChg>
        <pc:cxnChg chg="mod topLvl">
          <ac:chgData name="Nitsche, Rainer" userId="b0459796-2dba-4711-99d0-2635315bc4ac" providerId="ADAL" clId="{DD22B1EE-1AB9-4A82-AD2E-E7AE46E39B14}" dt="2023-07-21T13:10:58.480" v="63" actId="165"/>
          <ac:cxnSpMkLst>
            <pc:docMk/>
            <pc:sldMk cId="3323622515" sldId="2147375237"/>
            <ac:cxnSpMk id="35" creationId="{0DE06AAC-7289-4725-D231-9E4BB8AB7549}"/>
          </ac:cxnSpMkLst>
        </pc:cxnChg>
        <pc:cxnChg chg="del mod topLvl">
          <ac:chgData name="Nitsche, Rainer" userId="b0459796-2dba-4711-99d0-2635315bc4ac" providerId="ADAL" clId="{DD22B1EE-1AB9-4A82-AD2E-E7AE46E39B14}" dt="2023-07-21T13:11:01.431" v="64" actId="478"/>
          <ac:cxnSpMkLst>
            <pc:docMk/>
            <pc:sldMk cId="3323622515" sldId="2147375237"/>
            <ac:cxnSpMk id="50" creationId="{45C5244B-AF35-69F3-7CB9-9D8E2D3B8F90}"/>
          </ac:cxnSpMkLst>
        </pc:cxnChg>
        <pc:cxnChg chg="del">
          <ac:chgData name="Nitsche, Rainer" userId="b0459796-2dba-4711-99d0-2635315bc4ac" providerId="ADAL" clId="{DD22B1EE-1AB9-4A82-AD2E-E7AE46E39B14}" dt="2023-07-21T13:09:44.402" v="57" actId="478"/>
          <ac:cxnSpMkLst>
            <pc:docMk/>
            <pc:sldMk cId="3323622515" sldId="2147375237"/>
            <ac:cxnSpMk id="51" creationId="{AC9CEBC4-446E-8372-17D5-14DB240D813C}"/>
          </ac:cxnSpMkLst>
        </pc:cxnChg>
        <pc:cxnChg chg="del mod topLvl">
          <ac:chgData name="Nitsche, Rainer" userId="b0459796-2dba-4711-99d0-2635315bc4ac" providerId="ADAL" clId="{DD22B1EE-1AB9-4A82-AD2E-E7AE46E39B14}" dt="2023-07-21T13:11:02.610" v="65" actId="478"/>
          <ac:cxnSpMkLst>
            <pc:docMk/>
            <pc:sldMk cId="3323622515" sldId="2147375237"/>
            <ac:cxnSpMk id="59" creationId="{87DC7985-7EC7-81E8-2193-CB17A7A59574}"/>
          </ac:cxnSpMkLst>
        </pc:cxnChg>
      </pc:sldChg>
      <pc:sldMasterChg chg="modSp mod delSldLayout">
        <pc:chgData name="Nitsche, Rainer" userId="b0459796-2dba-4711-99d0-2635315bc4ac" providerId="ADAL" clId="{DD22B1EE-1AB9-4A82-AD2E-E7AE46E39B14}" dt="2023-07-21T13:30:01.876" v="163" actId="47"/>
        <pc:sldMasterMkLst>
          <pc:docMk/>
          <pc:sldMasterMk cId="0" sldId="2147483658"/>
        </pc:sldMasterMkLst>
        <pc:spChg chg="mod">
          <ac:chgData name="Nitsche, Rainer" userId="b0459796-2dba-4711-99d0-2635315bc4ac" providerId="ADAL" clId="{DD22B1EE-1AB9-4A82-AD2E-E7AE46E39B14}" dt="2023-07-20T07:21:01.430" v="0" actId="20577"/>
          <ac:spMkLst>
            <pc:docMk/>
            <pc:sldMasterMk cId="0" sldId="2147483658"/>
            <ac:spMk id="16" creationId="{00000000-0000-0000-0000-000000000000}"/>
          </ac:spMkLst>
        </pc:spChg>
        <pc:spChg chg="mod">
          <ac:chgData name="Nitsche, Rainer" userId="b0459796-2dba-4711-99d0-2635315bc4ac" providerId="ADAL" clId="{DD22B1EE-1AB9-4A82-AD2E-E7AE46E39B14}" dt="2023-07-20T07:21:01.431" v="1" actId="20577"/>
          <ac:spMkLst>
            <pc:docMk/>
            <pc:sldMasterMk cId="0" sldId="2147483658"/>
            <ac:spMk id="25" creationId="{00000000-0000-0000-0000-000000000000}"/>
          </ac:spMkLst>
        </pc:spChg>
        <pc:spChg chg="mod">
          <ac:chgData name="Nitsche, Rainer" userId="b0459796-2dba-4711-99d0-2635315bc4ac" providerId="ADAL" clId="{DD22B1EE-1AB9-4A82-AD2E-E7AE46E39B14}" dt="2023-07-20T07:21:01.432" v="2" actId="20577"/>
          <ac:spMkLst>
            <pc:docMk/>
            <pc:sldMasterMk cId="0" sldId="2147483658"/>
            <ac:spMk id="26" creationId="{00000000-0000-0000-0000-000000000000}"/>
          </ac:spMkLst>
        </pc:spChg>
        <pc:spChg chg="mod">
          <ac:chgData name="Nitsche, Rainer" userId="b0459796-2dba-4711-99d0-2635315bc4ac" providerId="ADAL" clId="{DD22B1EE-1AB9-4A82-AD2E-E7AE46E39B14}" dt="2023-07-20T07:21:01.433" v="4" actId="20577"/>
          <ac:spMkLst>
            <pc:docMk/>
            <pc:sldMasterMk cId="0" sldId="2147483658"/>
            <ac:spMk id="29" creationId="{00000000-0000-0000-0000-000000000000}"/>
          </ac:spMkLst>
        </pc:spChg>
        <pc:spChg chg="mod">
          <ac:chgData name="Nitsche, Rainer" userId="b0459796-2dba-4711-99d0-2635315bc4ac" providerId="ADAL" clId="{DD22B1EE-1AB9-4A82-AD2E-E7AE46E39B14}" dt="2023-07-20T07:21:01.433" v="5" actId="20577"/>
          <ac:spMkLst>
            <pc:docMk/>
            <pc:sldMasterMk cId="0" sldId="2147483658"/>
            <ac:spMk id="30" creationId="{00000000-0000-0000-0000-000000000000}"/>
          </ac:spMkLst>
        </pc:spChg>
        <pc:sldLayoutChg chg="del">
          <pc:chgData name="Nitsche, Rainer" userId="b0459796-2dba-4711-99d0-2635315bc4ac" providerId="ADAL" clId="{DD22B1EE-1AB9-4A82-AD2E-E7AE46E39B14}" dt="2023-07-21T13:30:01.876" v="163" actId="47"/>
          <pc:sldLayoutMkLst>
            <pc:docMk/>
            <pc:sldMasterMk cId="0" sldId="2147483658"/>
            <pc:sldLayoutMk cId="2797932445" sldId="2147483700"/>
          </pc:sldLayoutMkLst>
        </pc:sldLayoutChg>
      </pc:sldMasterChg>
      <pc:sldMasterChg chg="modSp del mod delSldLayout">
        <pc:chgData name="Nitsche, Rainer" userId="b0459796-2dba-4711-99d0-2635315bc4ac" providerId="ADAL" clId="{DD22B1EE-1AB9-4A82-AD2E-E7AE46E39B14}" dt="2023-07-20T07:21:36.165" v="15" actId="47"/>
        <pc:sldMasterMkLst>
          <pc:docMk/>
          <pc:sldMasterMk cId="887139741" sldId="2147483710"/>
        </pc:sldMasterMkLst>
        <pc:spChg chg="mod">
          <ac:chgData name="Nitsche, Rainer" userId="b0459796-2dba-4711-99d0-2635315bc4ac" providerId="ADAL" clId="{DD22B1EE-1AB9-4A82-AD2E-E7AE46E39B14}" dt="2023-07-20T07:21:01.434" v="6" actId="20577"/>
          <ac:spMkLst>
            <pc:docMk/>
            <pc:sldMasterMk cId="887139741" sldId="2147483710"/>
            <ac:spMk id="14" creationId="{167E6116-547F-4DA2-8B32-B52CEC170488}"/>
          </ac:spMkLst>
        </pc:spChg>
        <pc:spChg chg="mod">
          <ac:chgData name="Nitsche, Rainer" userId="b0459796-2dba-4711-99d0-2635315bc4ac" providerId="ADAL" clId="{DD22B1EE-1AB9-4A82-AD2E-E7AE46E39B14}" dt="2023-07-20T07:21:01.434" v="7" actId="20577"/>
          <ac:spMkLst>
            <pc:docMk/>
            <pc:sldMasterMk cId="887139741" sldId="2147483710"/>
            <ac:spMk id="18" creationId="{FCB2CA88-55CA-4B52-BF9C-B91DA79D001C}"/>
          </ac:spMkLst>
        </pc:spChg>
        <pc:spChg chg="mod">
          <ac:chgData name="Nitsche, Rainer" userId="b0459796-2dba-4711-99d0-2635315bc4ac" providerId="ADAL" clId="{DD22B1EE-1AB9-4A82-AD2E-E7AE46E39B14}" dt="2023-07-20T07:21:01.435" v="8" actId="20577"/>
          <ac:spMkLst>
            <pc:docMk/>
            <pc:sldMasterMk cId="887139741" sldId="2147483710"/>
            <ac:spMk id="19" creationId="{FBED14F9-5BAA-4FBF-8094-BE626F5D3C10}"/>
          </ac:spMkLst>
        </pc:spChg>
        <pc:spChg chg="mod">
          <ac:chgData name="Nitsche, Rainer" userId="b0459796-2dba-4711-99d0-2635315bc4ac" providerId="ADAL" clId="{DD22B1EE-1AB9-4A82-AD2E-E7AE46E39B14}" dt="2023-07-20T07:21:01.436" v="10" actId="20577"/>
          <ac:spMkLst>
            <pc:docMk/>
            <pc:sldMasterMk cId="887139741" sldId="2147483710"/>
            <ac:spMk id="21" creationId="{2181478D-0DD7-412E-8C1D-A44EFBA7A273}"/>
          </ac:spMkLst>
        </pc:spChg>
        <pc:spChg chg="mod">
          <ac:chgData name="Nitsche, Rainer" userId="b0459796-2dba-4711-99d0-2635315bc4ac" providerId="ADAL" clId="{DD22B1EE-1AB9-4A82-AD2E-E7AE46E39B14}" dt="2023-07-20T07:21:01.436" v="11" actId="20577"/>
          <ac:spMkLst>
            <pc:docMk/>
            <pc:sldMasterMk cId="887139741" sldId="2147483710"/>
            <ac:spMk id="22" creationId="{9383205B-076A-4FA4-ABDF-40FB0F1537D9}"/>
          </ac:spMkLst>
        </pc:spChg>
        <pc:sldLayoutChg chg="del">
          <pc:chgData name="Nitsche, Rainer" userId="b0459796-2dba-4711-99d0-2635315bc4ac" providerId="ADAL" clId="{DD22B1EE-1AB9-4A82-AD2E-E7AE46E39B14}" dt="2023-07-20T07:21:36.165" v="15" actId="47"/>
          <pc:sldLayoutMkLst>
            <pc:docMk/>
            <pc:sldMasterMk cId="887139741" sldId="2147483710"/>
            <pc:sldLayoutMk cId="1252084537" sldId="2147483711"/>
          </pc:sldLayoutMkLst>
        </pc:sldLayoutChg>
        <pc:sldLayoutChg chg="del">
          <pc:chgData name="Nitsche, Rainer" userId="b0459796-2dba-4711-99d0-2635315bc4ac" providerId="ADAL" clId="{DD22B1EE-1AB9-4A82-AD2E-E7AE46E39B14}" dt="2023-07-20T07:21:36.165" v="15" actId="47"/>
          <pc:sldLayoutMkLst>
            <pc:docMk/>
            <pc:sldMasterMk cId="887139741" sldId="2147483710"/>
            <pc:sldLayoutMk cId="3279857022" sldId="2147483712"/>
          </pc:sldLayoutMkLst>
        </pc:sldLayoutChg>
        <pc:sldLayoutChg chg="del">
          <pc:chgData name="Nitsche, Rainer" userId="b0459796-2dba-4711-99d0-2635315bc4ac" providerId="ADAL" clId="{DD22B1EE-1AB9-4A82-AD2E-E7AE46E39B14}" dt="2023-07-20T07:21:36.165" v="15" actId="47"/>
          <pc:sldLayoutMkLst>
            <pc:docMk/>
            <pc:sldMasterMk cId="887139741" sldId="2147483710"/>
            <pc:sldLayoutMk cId="3780426807" sldId="2147483713"/>
          </pc:sldLayoutMkLst>
        </pc:sldLayoutChg>
        <pc:sldLayoutChg chg="del">
          <pc:chgData name="Nitsche, Rainer" userId="b0459796-2dba-4711-99d0-2635315bc4ac" providerId="ADAL" clId="{DD22B1EE-1AB9-4A82-AD2E-E7AE46E39B14}" dt="2023-07-20T07:21:36.165" v="15" actId="47"/>
          <pc:sldLayoutMkLst>
            <pc:docMk/>
            <pc:sldMasterMk cId="887139741" sldId="2147483710"/>
            <pc:sldLayoutMk cId="3160302431" sldId="2147483714"/>
          </pc:sldLayoutMkLst>
        </pc:sldLayoutChg>
        <pc:sldLayoutChg chg="del">
          <pc:chgData name="Nitsche, Rainer" userId="b0459796-2dba-4711-99d0-2635315bc4ac" providerId="ADAL" clId="{DD22B1EE-1AB9-4A82-AD2E-E7AE46E39B14}" dt="2023-07-20T07:21:36.165" v="15" actId="47"/>
          <pc:sldLayoutMkLst>
            <pc:docMk/>
            <pc:sldMasterMk cId="887139741" sldId="2147483710"/>
            <pc:sldLayoutMk cId="1716249811" sldId="2147483715"/>
          </pc:sldLayoutMkLst>
        </pc:sldLayoutChg>
        <pc:sldLayoutChg chg="del">
          <pc:chgData name="Nitsche, Rainer" userId="b0459796-2dba-4711-99d0-2635315bc4ac" providerId="ADAL" clId="{DD22B1EE-1AB9-4A82-AD2E-E7AE46E39B14}" dt="2023-07-20T07:21:36.165" v="15" actId="47"/>
          <pc:sldLayoutMkLst>
            <pc:docMk/>
            <pc:sldMasterMk cId="887139741" sldId="2147483710"/>
            <pc:sldLayoutMk cId="2278658729" sldId="2147483716"/>
          </pc:sldLayoutMkLst>
        </pc:sldLayoutChg>
        <pc:sldLayoutChg chg="del">
          <pc:chgData name="Nitsche, Rainer" userId="b0459796-2dba-4711-99d0-2635315bc4ac" providerId="ADAL" clId="{DD22B1EE-1AB9-4A82-AD2E-E7AE46E39B14}" dt="2023-07-20T07:21:36.165" v="15" actId="47"/>
          <pc:sldLayoutMkLst>
            <pc:docMk/>
            <pc:sldMasterMk cId="887139741" sldId="2147483710"/>
            <pc:sldLayoutMk cId="1365754838" sldId="2147483717"/>
          </pc:sldLayoutMkLst>
        </pc:sldLayoutChg>
        <pc:sldLayoutChg chg="del">
          <pc:chgData name="Nitsche, Rainer" userId="b0459796-2dba-4711-99d0-2635315bc4ac" providerId="ADAL" clId="{DD22B1EE-1AB9-4A82-AD2E-E7AE46E39B14}" dt="2023-07-20T07:21:36.165" v="15" actId="47"/>
          <pc:sldLayoutMkLst>
            <pc:docMk/>
            <pc:sldMasterMk cId="887139741" sldId="2147483710"/>
            <pc:sldLayoutMk cId="242605267" sldId="2147483718"/>
          </pc:sldLayoutMkLst>
        </pc:sldLayoutChg>
        <pc:sldLayoutChg chg="del">
          <pc:chgData name="Nitsche, Rainer" userId="b0459796-2dba-4711-99d0-2635315bc4ac" providerId="ADAL" clId="{DD22B1EE-1AB9-4A82-AD2E-E7AE46E39B14}" dt="2023-07-20T07:21:36.165" v="15" actId="47"/>
          <pc:sldLayoutMkLst>
            <pc:docMk/>
            <pc:sldMasterMk cId="887139741" sldId="2147483710"/>
            <pc:sldLayoutMk cId="1005816840" sldId="2147483719"/>
          </pc:sldLayoutMkLst>
        </pc:sldLayoutChg>
      </pc:sldMasterChg>
    </pc:docChg>
  </pc:docChgLst>
  <pc:docChgLst>
    <pc:chgData name="Nitsche, Rainer" userId="b0459796-2dba-4711-99d0-2635315bc4ac" providerId="ADAL" clId="{104A0FAD-1A32-46DF-B188-625334230143}"/>
    <pc:docChg chg="undo custSel addSld delSld modSld sldOrd modMainMaster modSection">
      <pc:chgData name="Nitsche, Rainer" userId="b0459796-2dba-4711-99d0-2635315bc4ac" providerId="ADAL" clId="{104A0FAD-1A32-46DF-B188-625334230143}" dt="2023-11-07T12:20:01.086" v="5043" actId="1076"/>
      <pc:docMkLst>
        <pc:docMk/>
      </pc:docMkLst>
      <pc:sldChg chg="del">
        <pc:chgData name="Nitsche, Rainer" userId="b0459796-2dba-4711-99d0-2635315bc4ac" providerId="ADAL" clId="{104A0FAD-1A32-46DF-B188-625334230143}" dt="2023-10-24T14:03:12.905" v="1170" actId="47"/>
        <pc:sldMkLst>
          <pc:docMk/>
          <pc:sldMk cId="2137624205" sldId="2147375238"/>
        </pc:sldMkLst>
      </pc:sldChg>
      <pc:sldChg chg="addSp delSp modSp mod">
        <pc:chgData name="Nitsche, Rainer" userId="b0459796-2dba-4711-99d0-2635315bc4ac" providerId="ADAL" clId="{104A0FAD-1A32-46DF-B188-625334230143}" dt="2023-11-07T09:38:01.291" v="5013" actId="20577"/>
        <pc:sldMkLst>
          <pc:docMk/>
          <pc:sldMk cId="896859053" sldId="2147375240"/>
        </pc:sldMkLst>
        <pc:spChg chg="mod">
          <ac:chgData name="Nitsche, Rainer" userId="b0459796-2dba-4711-99d0-2635315bc4ac" providerId="ADAL" clId="{104A0FAD-1A32-46DF-B188-625334230143}" dt="2023-10-24T13:55:10.537" v="936" actId="14100"/>
          <ac:spMkLst>
            <pc:docMk/>
            <pc:sldMk cId="896859053" sldId="2147375240"/>
            <ac:spMk id="3" creationId="{DE6F6B1C-BB8E-8CE1-DC5D-9B107569CEAB}"/>
          </ac:spMkLst>
        </pc:spChg>
        <pc:spChg chg="mod">
          <ac:chgData name="Nitsche, Rainer" userId="b0459796-2dba-4711-99d0-2635315bc4ac" providerId="ADAL" clId="{104A0FAD-1A32-46DF-B188-625334230143}" dt="2023-10-26T06:08:28.883" v="1489" actId="20577"/>
          <ac:spMkLst>
            <pc:docMk/>
            <pc:sldMk cId="896859053" sldId="2147375240"/>
            <ac:spMk id="4" creationId="{D0BA69E1-4BCD-2F7C-E994-BC96FB4B7A88}"/>
          </ac:spMkLst>
        </pc:spChg>
        <pc:spChg chg="del">
          <ac:chgData name="Nitsche, Rainer" userId="b0459796-2dba-4711-99d0-2635315bc4ac" providerId="ADAL" clId="{104A0FAD-1A32-46DF-B188-625334230143}" dt="2023-10-24T13:19:34.787" v="276" actId="478"/>
          <ac:spMkLst>
            <pc:docMk/>
            <pc:sldMk cId="896859053" sldId="2147375240"/>
            <ac:spMk id="5" creationId="{0801D4A1-8435-0C3C-9615-94336BE0ACB4}"/>
          </ac:spMkLst>
        </pc:spChg>
        <pc:spChg chg="mod">
          <ac:chgData name="Nitsche, Rainer" userId="b0459796-2dba-4711-99d0-2635315bc4ac" providerId="ADAL" clId="{104A0FAD-1A32-46DF-B188-625334230143}" dt="2023-10-24T13:53:52.201" v="881"/>
          <ac:spMkLst>
            <pc:docMk/>
            <pc:sldMk cId="896859053" sldId="2147375240"/>
            <ac:spMk id="11" creationId="{000E36A3-99A2-2C31-C19A-D1CEC156A576}"/>
          </ac:spMkLst>
        </pc:spChg>
        <pc:spChg chg="mod">
          <ac:chgData name="Nitsche, Rainer" userId="b0459796-2dba-4711-99d0-2635315bc4ac" providerId="ADAL" clId="{104A0FAD-1A32-46DF-B188-625334230143}" dt="2023-10-24T13:53:52.200" v="879"/>
          <ac:spMkLst>
            <pc:docMk/>
            <pc:sldMk cId="896859053" sldId="2147375240"/>
            <ac:spMk id="15" creationId="{9600C82F-681E-C9D3-F3F7-FBCDFC72CFF1}"/>
          </ac:spMkLst>
        </pc:spChg>
        <pc:spChg chg="mod">
          <ac:chgData name="Nitsche, Rainer" userId="b0459796-2dba-4711-99d0-2635315bc4ac" providerId="ADAL" clId="{104A0FAD-1A32-46DF-B188-625334230143}" dt="2023-10-24T13:53:52.201" v="880"/>
          <ac:spMkLst>
            <pc:docMk/>
            <pc:sldMk cId="896859053" sldId="2147375240"/>
            <ac:spMk id="16" creationId="{22B80FFE-7B75-A782-F19A-7581A6E240C1}"/>
          </ac:spMkLst>
        </pc:spChg>
        <pc:spChg chg="add del mod">
          <ac:chgData name="Nitsche, Rainer" userId="b0459796-2dba-4711-99d0-2635315bc4ac" providerId="ADAL" clId="{104A0FAD-1A32-46DF-B188-625334230143}" dt="2023-11-07T09:30:03.706" v="5002" actId="478"/>
          <ac:spMkLst>
            <pc:docMk/>
            <pc:sldMk cId="896859053" sldId="2147375240"/>
            <ac:spMk id="18" creationId="{6D526307-7F86-383C-CDE7-142282991FC0}"/>
          </ac:spMkLst>
        </pc:spChg>
        <pc:spChg chg="add mod">
          <ac:chgData name="Nitsche, Rainer" userId="b0459796-2dba-4711-99d0-2635315bc4ac" providerId="ADAL" clId="{104A0FAD-1A32-46DF-B188-625334230143}" dt="2023-11-07T09:29:55.637" v="5001" actId="1076"/>
          <ac:spMkLst>
            <pc:docMk/>
            <pc:sldMk cId="896859053" sldId="2147375240"/>
            <ac:spMk id="19" creationId="{9DC761DB-DB29-7EB9-C089-D61E986EC264}"/>
          </ac:spMkLst>
        </pc:spChg>
        <pc:spChg chg="del">
          <ac:chgData name="Nitsche, Rainer" userId="b0459796-2dba-4711-99d0-2635315bc4ac" providerId="ADAL" clId="{104A0FAD-1A32-46DF-B188-625334230143}" dt="2023-10-24T13:19:37.189" v="277" actId="478"/>
          <ac:spMkLst>
            <pc:docMk/>
            <pc:sldMk cId="896859053" sldId="2147375240"/>
            <ac:spMk id="19" creationId="{AC6A0967-2431-56E7-F862-84631221EAE5}"/>
          </ac:spMkLst>
        </pc:spChg>
        <pc:spChg chg="mod">
          <ac:chgData name="Nitsche, Rainer" userId="b0459796-2dba-4711-99d0-2635315bc4ac" providerId="ADAL" clId="{104A0FAD-1A32-46DF-B188-625334230143}" dt="2023-11-07T06:44:58.306" v="3512" actId="1076"/>
          <ac:spMkLst>
            <pc:docMk/>
            <pc:sldMk cId="896859053" sldId="2147375240"/>
            <ac:spMk id="20" creationId="{D53AC388-07E1-DA08-4511-37D09182B488}"/>
          </ac:spMkLst>
        </pc:spChg>
        <pc:spChg chg="del">
          <ac:chgData name="Nitsche, Rainer" userId="b0459796-2dba-4711-99d0-2635315bc4ac" providerId="ADAL" clId="{104A0FAD-1A32-46DF-B188-625334230143}" dt="2023-10-24T13:19:18.684" v="267" actId="478"/>
          <ac:spMkLst>
            <pc:docMk/>
            <pc:sldMk cId="896859053" sldId="2147375240"/>
            <ac:spMk id="21" creationId="{BDF56AC4-4B15-90BC-92C5-6446AC252EA1}"/>
          </ac:spMkLst>
        </pc:spChg>
        <pc:spChg chg="del">
          <ac:chgData name="Nitsche, Rainer" userId="b0459796-2dba-4711-99d0-2635315bc4ac" providerId="ADAL" clId="{104A0FAD-1A32-46DF-B188-625334230143}" dt="2023-10-24T13:19:21.390" v="268" actId="478"/>
          <ac:spMkLst>
            <pc:docMk/>
            <pc:sldMk cId="896859053" sldId="2147375240"/>
            <ac:spMk id="22" creationId="{FD1C9D44-3F1A-228A-9C48-F6F0F0DBC8B2}"/>
          </ac:spMkLst>
        </pc:spChg>
        <pc:spChg chg="del">
          <ac:chgData name="Nitsche, Rainer" userId="b0459796-2dba-4711-99d0-2635315bc4ac" providerId="ADAL" clId="{104A0FAD-1A32-46DF-B188-625334230143}" dt="2023-10-24T13:19:23.688" v="270" actId="478"/>
          <ac:spMkLst>
            <pc:docMk/>
            <pc:sldMk cId="896859053" sldId="2147375240"/>
            <ac:spMk id="23" creationId="{5BC28CD7-25AC-7AC8-EFF1-4F7D8BE0B9A5}"/>
          </ac:spMkLst>
        </pc:spChg>
        <pc:spChg chg="add mod">
          <ac:chgData name="Nitsche, Rainer" userId="b0459796-2dba-4711-99d0-2635315bc4ac" providerId="ADAL" clId="{104A0FAD-1A32-46DF-B188-625334230143}" dt="2023-10-24T13:47:35.080" v="795" actId="164"/>
          <ac:spMkLst>
            <pc:docMk/>
            <pc:sldMk cId="896859053" sldId="2147375240"/>
            <ac:spMk id="27" creationId="{246D1152-184D-64F3-B2DB-A0C8C640B4F1}"/>
          </ac:spMkLst>
        </pc:spChg>
        <pc:spChg chg="del">
          <ac:chgData name="Nitsche, Rainer" userId="b0459796-2dba-4711-99d0-2635315bc4ac" providerId="ADAL" clId="{104A0FAD-1A32-46DF-B188-625334230143}" dt="2023-10-24T13:19:21.390" v="268" actId="478"/>
          <ac:spMkLst>
            <pc:docMk/>
            <pc:sldMk cId="896859053" sldId="2147375240"/>
            <ac:spMk id="28" creationId="{AE81D9F4-F347-2B6F-96C2-FD24A98A8987}"/>
          </ac:spMkLst>
        </pc:spChg>
        <pc:spChg chg="del mod">
          <ac:chgData name="Nitsche, Rainer" userId="b0459796-2dba-4711-99d0-2635315bc4ac" providerId="ADAL" clId="{104A0FAD-1A32-46DF-B188-625334230143}" dt="2023-10-24T13:19:24.474" v="272" actId="478"/>
          <ac:spMkLst>
            <pc:docMk/>
            <pc:sldMk cId="896859053" sldId="2147375240"/>
            <ac:spMk id="29" creationId="{F7661A3C-4B01-0EAF-14E2-532A63DA0FA7}"/>
          </ac:spMkLst>
        </pc:spChg>
        <pc:spChg chg="del">
          <ac:chgData name="Nitsche, Rainer" userId="b0459796-2dba-4711-99d0-2635315bc4ac" providerId="ADAL" clId="{104A0FAD-1A32-46DF-B188-625334230143}" dt="2023-10-24T13:19:22.827" v="269" actId="478"/>
          <ac:spMkLst>
            <pc:docMk/>
            <pc:sldMk cId="896859053" sldId="2147375240"/>
            <ac:spMk id="30" creationId="{FD907E56-7E58-260A-B495-D4F85E6F5DC2}"/>
          </ac:spMkLst>
        </pc:spChg>
        <pc:spChg chg="add mod">
          <ac:chgData name="Nitsche, Rainer" userId="b0459796-2dba-4711-99d0-2635315bc4ac" providerId="ADAL" clId="{104A0FAD-1A32-46DF-B188-625334230143}" dt="2023-10-24T13:47:35.080" v="795" actId="164"/>
          <ac:spMkLst>
            <pc:docMk/>
            <pc:sldMk cId="896859053" sldId="2147375240"/>
            <ac:spMk id="32" creationId="{EAA1C34C-5FAD-E2FD-37D1-6511A7F9E0EB}"/>
          </ac:spMkLst>
        </pc:spChg>
        <pc:spChg chg="mod">
          <ac:chgData name="Nitsche, Rainer" userId="b0459796-2dba-4711-99d0-2635315bc4ac" providerId="ADAL" clId="{104A0FAD-1A32-46DF-B188-625334230143}" dt="2023-10-24T13:48:14.087" v="800"/>
          <ac:spMkLst>
            <pc:docMk/>
            <pc:sldMk cId="896859053" sldId="2147375240"/>
            <ac:spMk id="39" creationId="{49798549-C098-8EF5-DF20-8877CA1377A5}"/>
          </ac:spMkLst>
        </pc:spChg>
        <pc:spChg chg="mod">
          <ac:chgData name="Nitsche, Rainer" userId="b0459796-2dba-4711-99d0-2635315bc4ac" providerId="ADAL" clId="{104A0FAD-1A32-46DF-B188-625334230143}" dt="2023-10-24T13:48:14.087" v="800"/>
          <ac:spMkLst>
            <pc:docMk/>
            <pc:sldMk cId="896859053" sldId="2147375240"/>
            <ac:spMk id="40" creationId="{3A97F27F-B208-A4CD-BA09-377711A79C92}"/>
          </ac:spMkLst>
        </pc:spChg>
        <pc:spChg chg="mod">
          <ac:chgData name="Nitsche, Rainer" userId="b0459796-2dba-4711-99d0-2635315bc4ac" providerId="ADAL" clId="{104A0FAD-1A32-46DF-B188-625334230143}" dt="2023-11-07T09:38:01.291" v="5013" actId="20577"/>
          <ac:spMkLst>
            <pc:docMk/>
            <pc:sldMk cId="896859053" sldId="2147375240"/>
            <ac:spMk id="41" creationId="{05F2B298-3CE3-90B0-0D37-2AD05EE91269}"/>
          </ac:spMkLst>
        </pc:spChg>
        <pc:spChg chg="add mod">
          <ac:chgData name="Nitsche, Rainer" userId="b0459796-2dba-4711-99d0-2635315bc4ac" providerId="ADAL" clId="{104A0FAD-1A32-46DF-B188-625334230143}" dt="2023-11-07T06:48:13.614" v="3683" actId="1038"/>
          <ac:spMkLst>
            <pc:docMk/>
            <pc:sldMk cId="896859053" sldId="2147375240"/>
            <ac:spMk id="47" creationId="{D0EA3AE8-E413-3E83-0D0E-C42F39611B79}"/>
          </ac:spMkLst>
        </pc:spChg>
        <pc:spChg chg="add del mod">
          <ac:chgData name="Nitsche, Rainer" userId="b0459796-2dba-4711-99d0-2635315bc4ac" providerId="ADAL" clId="{104A0FAD-1A32-46DF-B188-625334230143}" dt="2023-10-24T13:55:27.704" v="940" actId="478"/>
          <ac:spMkLst>
            <pc:docMk/>
            <pc:sldMk cId="896859053" sldId="2147375240"/>
            <ac:spMk id="48" creationId="{EA653ED0-B345-2F01-DFB1-20A55C9E4EDD}"/>
          </ac:spMkLst>
        </pc:spChg>
        <pc:spChg chg="add del mod">
          <ac:chgData name="Nitsche, Rainer" userId="b0459796-2dba-4711-99d0-2635315bc4ac" providerId="ADAL" clId="{104A0FAD-1A32-46DF-B188-625334230143}" dt="2023-10-24T13:57:37.799" v="1031" actId="478"/>
          <ac:spMkLst>
            <pc:docMk/>
            <pc:sldMk cId="896859053" sldId="2147375240"/>
            <ac:spMk id="49" creationId="{BC2C5551-C3A6-3A26-A8E8-A1D4B7DAA68B}"/>
          </ac:spMkLst>
        </pc:spChg>
        <pc:spChg chg="add del mod">
          <ac:chgData name="Nitsche, Rainer" userId="b0459796-2dba-4711-99d0-2635315bc4ac" providerId="ADAL" clId="{104A0FAD-1A32-46DF-B188-625334230143}" dt="2023-10-24T13:57:35.221" v="1030" actId="478"/>
          <ac:spMkLst>
            <pc:docMk/>
            <pc:sldMk cId="896859053" sldId="2147375240"/>
            <ac:spMk id="50" creationId="{485C05B2-BB92-0374-BA36-F986CC6528DB}"/>
          </ac:spMkLst>
        </pc:spChg>
        <pc:spChg chg="add mod">
          <ac:chgData name="Nitsche, Rainer" userId="b0459796-2dba-4711-99d0-2635315bc4ac" providerId="ADAL" clId="{104A0FAD-1A32-46DF-B188-625334230143}" dt="2023-11-07T06:48:13.614" v="3683" actId="1038"/>
          <ac:spMkLst>
            <pc:docMk/>
            <pc:sldMk cId="896859053" sldId="2147375240"/>
            <ac:spMk id="77" creationId="{7D5E808D-FCE4-75F7-C2D2-4A185EE79EF7}"/>
          </ac:spMkLst>
        </pc:spChg>
        <pc:spChg chg="add mod">
          <ac:chgData name="Nitsche, Rainer" userId="b0459796-2dba-4711-99d0-2635315bc4ac" providerId="ADAL" clId="{104A0FAD-1A32-46DF-B188-625334230143}" dt="2023-11-07T06:48:13.614" v="3683" actId="1038"/>
          <ac:spMkLst>
            <pc:docMk/>
            <pc:sldMk cId="896859053" sldId="2147375240"/>
            <ac:spMk id="78" creationId="{416270E1-2DED-47FE-8AE0-AD65E6DD8027}"/>
          </ac:spMkLst>
        </pc:spChg>
        <pc:grpChg chg="add mod">
          <ac:chgData name="Nitsche, Rainer" userId="b0459796-2dba-4711-99d0-2635315bc4ac" providerId="ADAL" clId="{104A0FAD-1A32-46DF-B188-625334230143}" dt="2023-10-24T13:48:34.518" v="802" actId="164"/>
          <ac:grpSpMkLst>
            <pc:docMk/>
            <pc:sldMk cId="896859053" sldId="2147375240"/>
            <ac:grpSpMk id="36" creationId="{1928E530-A7D5-DCE8-D780-F7CEEA8B3D7C}"/>
          </ac:grpSpMkLst>
        </pc:grpChg>
        <pc:grpChg chg="add mod">
          <ac:chgData name="Nitsche, Rainer" userId="b0459796-2dba-4711-99d0-2635315bc4ac" providerId="ADAL" clId="{104A0FAD-1A32-46DF-B188-625334230143}" dt="2023-10-24T13:48:45.437" v="804" actId="164"/>
          <ac:grpSpMkLst>
            <pc:docMk/>
            <pc:sldMk cId="896859053" sldId="2147375240"/>
            <ac:grpSpMk id="38" creationId="{1826CEF1-814D-1D7B-C71B-E91A7782ED80}"/>
          </ac:grpSpMkLst>
        </pc:grpChg>
        <pc:grpChg chg="add mod">
          <ac:chgData name="Nitsche, Rainer" userId="b0459796-2dba-4711-99d0-2635315bc4ac" providerId="ADAL" clId="{104A0FAD-1A32-46DF-B188-625334230143}" dt="2023-11-07T06:48:13.614" v="3683" actId="1038"/>
          <ac:grpSpMkLst>
            <pc:docMk/>
            <pc:sldMk cId="896859053" sldId="2147375240"/>
            <ac:grpSpMk id="43" creationId="{5881A125-1091-DBD5-75BF-AFAAF7A3D2AF}"/>
          </ac:grpSpMkLst>
        </pc:grpChg>
        <pc:grpChg chg="add mod">
          <ac:chgData name="Nitsche, Rainer" userId="b0459796-2dba-4711-99d0-2635315bc4ac" providerId="ADAL" clId="{104A0FAD-1A32-46DF-B188-625334230143}" dt="2023-11-07T06:48:13.614" v="3683" actId="1038"/>
          <ac:grpSpMkLst>
            <pc:docMk/>
            <pc:sldMk cId="896859053" sldId="2147375240"/>
            <ac:grpSpMk id="44" creationId="{3A950491-AE9A-6244-8E33-FAD57B602C28}"/>
          </ac:grpSpMkLst>
        </pc:grpChg>
        <pc:picChg chg="add mod">
          <ac:chgData name="Nitsche, Rainer" userId="b0459796-2dba-4711-99d0-2635315bc4ac" providerId="ADAL" clId="{104A0FAD-1A32-46DF-B188-625334230143}" dt="2023-11-07T06:48:21.045" v="3709" actId="1037"/>
          <ac:picMkLst>
            <pc:docMk/>
            <pc:sldMk cId="896859053" sldId="2147375240"/>
            <ac:picMk id="6" creationId="{8EF81F50-F525-1CD9-4B6D-A1EFA8F5FB80}"/>
          </ac:picMkLst>
        </pc:picChg>
        <pc:picChg chg="add mod modCrop">
          <ac:chgData name="Nitsche, Rainer" userId="b0459796-2dba-4711-99d0-2635315bc4ac" providerId="ADAL" clId="{104A0FAD-1A32-46DF-B188-625334230143}" dt="2023-11-07T06:55:33.726" v="3874" actId="1076"/>
          <ac:picMkLst>
            <pc:docMk/>
            <pc:sldMk cId="896859053" sldId="2147375240"/>
            <ac:picMk id="7" creationId="{39937951-4296-3CAA-F21B-E97D5BE58718}"/>
          </ac:picMkLst>
        </pc:picChg>
        <pc:picChg chg="del">
          <ac:chgData name="Nitsche, Rainer" userId="b0459796-2dba-4711-99d0-2635315bc4ac" providerId="ADAL" clId="{104A0FAD-1A32-46DF-B188-625334230143}" dt="2023-10-24T13:19:13.653" v="265" actId="478"/>
          <ac:picMkLst>
            <pc:docMk/>
            <pc:sldMk cId="896859053" sldId="2147375240"/>
            <ac:picMk id="7" creationId="{41F8AF72-4985-7C97-E3AF-84A22564C75D}"/>
          </ac:picMkLst>
        </pc:picChg>
        <pc:picChg chg="del">
          <ac:chgData name="Nitsche, Rainer" userId="b0459796-2dba-4711-99d0-2635315bc4ac" providerId="ADAL" clId="{104A0FAD-1A32-46DF-B188-625334230143}" dt="2023-10-24T13:19:32.849" v="274" actId="478"/>
          <ac:picMkLst>
            <pc:docMk/>
            <pc:sldMk cId="896859053" sldId="2147375240"/>
            <ac:picMk id="24" creationId="{A111110C-62EA-1D35-C2DD-64963191962B}"/>
          </ac:picMkLst>
        </pc:picChg>
        <pc:picChg chg="del">
          <ac:chgData name="Nitsche, Rainer" userId="b0459796-2dba-4711-99d0-2635315bc4ac" providerId="ADAL" clId="{104A0FAD-1A32-46DF-B188-625334230143}" dt="2023-10-24T13:19:17.570" v="266" actId="478"/>
          <ac:picMkLst>
            <pc:docMk/>
            <pc:sldMk cId="896859053" sldId="2147375240"/>
            <ac:picMk id="26" creationId="{646F9DAB-1A40-3F99-1821-317EC1289C7C}"/>
          </ac:picMkLst>
        </pc:picChg>
        <pc:picChg chg="mod replST">
          <ac:chgData name="Nitsche, Rainer" userId="b0459796-2dba-4711-99d0-2635315bc4ac" providerId="ADAL" clId="{104A0FAD-1A32-46DF-B188-625334230143}" dt="2023-11-07T06:48:13.614" v="3683" actId="1038"/>
          <ac:picMkLst>
            <pc:docMk/>
            <pc:sldMk cId="896859053" sldId="2147375240"/>
            <ac:picMk id="52" creationId="{3D9FE8CF-B90F-2A45-D0B8-91EE03C6C16F}"/>
          </ac:picMkLst>
        </pc:picChg>
        <pc:picChg chg="add del mod">
          <ac:chgData name="Nitsche, Rainer" userId="b0459796-2dba-4711-99d0-2635315bc4ac" providerId="ADAL" clId="{104A0FAD-1A32-46DF-B188-625334230143}" dt="2023-10-24T13:54:09.840" v="908" actId="478"/>
          <ac:picMkLst>
            <pc:docMk/>
            <pc:sldMk cId="896859053" sldId="2147375240"/>
            <ac:picMk id="53" creationId="{92D020DE-CE56-45D7-D8C8-00CCBE72C273}"/>
          </ac:picMkLst>
        </pc:picChg>
        <pc:picChg chg="add del mod">
          <ac:chgData name="Nitsche, Rainer" userId="b0459796-2dba-4711-99d0-2635315bc4ac" providerId="ADAL" clId="{104A0FAD-1A32-46DF-B188-625334230143}" dt="2023-10-24T13:54:38.809" v="934" actId="478"/>
          <ac:picMkLst>
            <pc:docMk/>
            <pc:sldMk cId="896859053" sldId="2147375240"/>
            <ac:picMk id="54" creationId="{722518A5-779D-CF63-1DBC-3A50CAB3D466}"/>
          </ac:picMkLst>
        </pc:picChg>
        <pc:picChg chg="mod ord replST">
          <ac:chgData name="Nitsche, Rainer" userId="b0459796-2dba-4711-99d0-2635315bc4ac" providerId="ADAL" clId="{104A0FAD-1A32-46DF-B188-625334230143}" dt="2023-11-07T06:48:13.614" v="3683" actId="1038"/>
          <ac:picMkLst>
            <pc:docMk/>
            <pc:sldMk cId="896859053" sldId="2147375240"/>
            <ac:picMk id="56" creationId="{90BE8128-DA07-D533-A5DB-B13192EF2260}"/>
          </ac:picMkLst>
        </pc:picChg>
        <pc:picChg chg="mod ord replST">
          <ac:chgData name="Nitsche, Rainer" userId="b0459796-2dba-4711-99d0-2635315bc4ac" providerId="ADAL" clId="{104A0FAD-1A32-46DF-B188-625334230143}" dt="2023-11-07T06:48:13.614" v="3683" actId="1038"/>
          <ac:picMkLst>
            <pc:docMk/>
            <pc:sldMk cId="896859053" sldId="2147375240"/>
            <ac:picMk id="58" creationId="{9E3CBC33-8E1C-9BCD-1167-F78E5E8DE7FD}"/>
          </ac:picMkLst>
        </pc:picChg>
        <pc:picChg chg="add del mod">
          <ac:chgData name="Nitsche, Rainer" userId="b0459796-2dba-4711-99d0-2635315bc4ac" providerId="ADAL" clId="{104A0FAD-1A32-46DF-B188-625334230143}" dt="2023-10-24T13:56:20.641" v="967" actId="478"/>
          <ac:picMkLst>
            <pc:docMk/>
            <pc:sldMk cId="896859053" sldId="2147375240"/>
            <ac:picMk id="59" creationId="{ADAE232A-E6B8-BF9A-67EF-52CA10CEFBD4}"/>
          </ac:picMkLst>
        </pc:picChg>
        <pc:picChg chg="del mod ord replST">
          <ac:chgData name="Nitsche, Rainer" userId="b0459796-2dba-4711-99d0-2635315bc4ac" providerId="ADAL" clId="{104A0FAD-1A32-46DF-B188-625334230143}" dt="2023-10-24T13:57:05.773" v="995" actId="478"/>
          <ac:picMkLst>
            <pc:docMk/>
            <pc:sldMk cId="896859053" sldId="2147375240"/>
            <ac:picMk id="61" creationId="{0808784D-3400-9B8C-2A35-EB6E4BC3C507}"/>
          </ac:picMkLst>
        </pc:picChg>
        <pc:picChg chg="del mod ord replST">
          <ac:chgData name="Nitsche, Rainer" userId="b0459796-2dba-4711-99d0-2635315bc4ac" providerId="ADAL" clId="{104A0FAD-1A32-46DF-B188-625334230143}" dt="2023-10-24T13:57:23.996" v="1024" actId="478"/>
          <ac:picMkLst>
            <pc:docMk/>
            <pc:sldMk cId="896859053" sldId="2147375240"/>
            <ac:picMk id="63" creationId="{BDD1A5BF-048A-B09A-D653-7EF45DC5C483}"/>
          </ac:picMkLst>
        </pc:picChg>
        <pc:picChg chg="mod ord replST">
          <ac:chgData name="Nitsche, Rainer" userId="b0459796-2dba-4711-99d0-2635315bc4ac" providerId="ADAL" clId="{104A0FAD-1A32-46DF-B188-625334230143}" dt="2023-11-07T06:48:13.614" v="3683" actId="1038"/>
          <ac:picMkLst>
            <pc:docMk/>
            <pc:sldMk cId="896859053" sldId="2147375240"/>
            <ac:picMk id="65" creationId="{AAFA4C60-3FE4-BC1E-1487-F61CD94A52A1}"/>
          </ac:picMkLst>
        </pc:picChg>
        <pc:picChg chg="add del mod">
          <ac:chgData name="Nitsche, Rainer" userId="b0459796-2dba-4711-99d0-2635315bc4ac" providerId="ADAL" clId="{104A0FAD-1A32-46DF-B188-625334230143}" dt="2023-10-24T13:57:57.748" v="1060" actId="478"/>
          <ac:picMkLst>
            <pc:docMk/>
            <pc:sldMk cId="896859053" sldId="2147375240"/>
            <ac:picMk id="66" creationId="{1A812601-E15B-4296-5B4C-9E46C852077C}"/>
          </ac:picMkLst>
        </pc:picChg>
        <pc:picChg chg="add del mod">
          <ac:chgData name="Nitsche, Rainer" userId="b0459796-2dba-4711-99d0-2635315bc4ac" providerId="ADAL" clId="{104A0FAD-1A32-46DF-B188-625334230143}" dt="2023-10-24T13:58:11.546" v="1086" actId="478"/>
          <ac:picMkLst>
            <pc:docMk/>
            <pc:sldMk cId="896859053" sldId="2147375240"/>
            <ac:picMk id="67" creationId="{E9DA1602-76D1-1167-C9DD-C4D108B3B427}"/>
          </ac:picMkLst>
        </pc:picChg>
        <pc:picChg chg="mod ord replST">
          <ac:chgData name="Nitsche, Rainer" userId="b0459796-2dba-4711-99d0-2635315bc4ac" providerId="ADAL" clId="{104A0FAD-1A32-46DF-B188-625334230143}" dt="2023-11-07T06:48:13.614" v="3683" actId="1038"/>
          <ac:picMkLst>
            <pc:docMk/>
            <pc:sldMk cId="896859053" sldId="2147375240"/>
            <ac:picMk id="69" creationId="{04ABB2E8-673C-A8CB-C0F2-76532580EC78}"/>
          </ac:picMkLst>
        </pc:picChg>
        <pc:picChg chg="mod ord replST">
          <ac:chgData name="Nitsche, Rainer" userId="b0459796-2dba-4711-99d0-2635315bc4ac" providerId="ADAL" clId="{104A0FAD-1A32-46DF-B188-625334230143}" dt="2023-11-07T06:48:13.614" v="3683" actId="1038"/>
          <ac:picMkLst>
            <pc:docMk/>
            <pc:sldMk cId="896859053" sldId="2147375240"/>
            <ac:picMk id="71" creationId="{7A8DB232-4633-BC46-C88D-648E04D8338A}"/>
          </ac:picMkLst>
        </pc:picChg>
        <pc:cxnChg chg="add mod">
          <ac:chgData name="Nitsche, Rainer" userId="b0459796-2dba-4711-99d0-2635315bc4ac" providerId="ADAL" clId="{104A0FAD-1A32-46DF-B188-625334230143}" dt="2023-10-24T13:48:34.518" v="802" actId="164"/>
          <ac:cxnSpMkLst>
            <pc:docMk/>
            <pc:sldMk cId="896859053" sldId="2147375240"/>
            <ac:cxnSpMk id="25" creationId="{7BCC8064-8E57-7B84-47A5-708E1352CCAD}"/>
          </ac:cxnSpMkLst>
        </pc:cxnChg>
        <pc:cxnChg chg="add mod">
          <ac:chgData name="Nitsche, Rainer" userId="b0459796-2dba-4711-99d0-2635315bc4ac" providerId="ADAL" clId="{104A0FAD-1A32-46DF-B188-625334230143}" dt="2023-10-24T13:47:35.080" v="795" actId="164"/>
          <ac:cxnSpMkLst>
            <pc:docMk/>
            <pc:sldMk cId="896859053" sldId="2147375240"/>
            <ac:cxnSpMk id="34" creationId="{87D08AF4-49E5-9077-216D-BABB5FEFA1A5}"/>
          </ac:cxnSpMkLst>
        </pc:cxnChg>
        <pc:cxnChg chg="add mod">
          <ac:chgData name="Nitsche, Rainer" userId="b0459796-2dba-4711-99d0-2635315bc4ac" providerId="ADAL" clId="{104A0FAD-1A32-46DF-B188-625334230143}" dt="2023-10-24T13:48:45.437" v="804" actId="164"/>
          <ac:cxnSpMkLst>
            <pc:docMk/>
            <pc:sldMk cId="896859053" sldId="2147375240"/>
            <ac:cxnSpMk id="37" creationId="{84E43F65-8FDA-935C-9BDA-27D5AC503B2D}"/>
          </ac:cxnSpMkLst>
        </pc:cxnChg>
        <pc:cxnChg chg="mod">
          <ac:chgData name="Nitsche, Rainer" userId="b0459796-2dba-4711-99d0-2635315bc4ac" providerId="ADAL" clId="{104A0FAD-1A32-46DF-B188-625334230143}" dt="2023-10-24T13:48:14.087" v="800"/>
          <ac:cxnSpMkLst>
            <pc:docMk/>
            <pc:sldMk cId="896859053" sldId="2147375240"/>
            <ac:cxnSpMk id="42" creationId="{73541353-73AD-E1CD-FDA3-E21BADE119FD}"/>
          </ac:cxnSpMkLst>
        </pc:cxnChg>
        <pc:cxnChg chg="add mod">
          <ac:chgData name="Nitsche, Rainer" userId="b0459796-2dba-4711-99d0-2635315bc4ac" providerId="ADAL" clId="{104A0FAD-1A32-46DF-B188-625334230143}" dt="2023-11-07T06:48:13.614" v="3683" actId="1038"/>
          <ac:cxnSpMkLst>
            <pc:docMk/>
            <pc:sldMk cId="896859053" sldId="2147375240"/>
            <ac:cxnSpMk id="46" creationId="{173F4EA8-DFC9-45D7-B9F8-FCCF4D52F407}"/>
          </ac:cxnSpMkLst>
        </pc:cxnChg>
        <pc:cxnChg chg="add mod">
          <ac:chgData name="Nitsche, Rainer" userId="b0459796-2dba-4711-99d0-2635315bc4ac" providerId="ADAL" clId="{104A0FAD-1A32-46DF-B188-625334230143}" dt="2023-11-07T06:48:13.614" v="3683" actId="1038"/>
          <ac:cxnSpMkLst>
            <pc:docMk/>
            <pc:sldMk cId="896859053" sldId="2147375240"/>
            <ac:cxnSpMk id="73" creationId="{403F9D68-7639-CD9E-16F2-B4C97B489412}"/>
          </ac:cxnSpMkLst>
        </pc:cxnChg>
      </pc:sldChg>
      <pc:sldChg chg="del">
        <pc:chgData name="Nitsche, Rainer" userId="b0459796-2dba-4711-99d0-2635315bc4ac" providerId="ADAL" clId="{104A0FAD-1A32-46DF-B188-625334230143}" dt="2023-10-24T14:03:11.712" v="1169" actId="47"/>
        <pc:sldMkLst>
          <pc:docMk/>
          <pc:sldMk cId="4127408036" sldId="2147375241"/>
        </pc:sldMkLst>
      </pc:sldChg>
      <pc:sldChg chg="addSp delSp modSp add mod">
        <pc:chgData name="Nitsche, Rainer" userId="b0459796-2dba-4711-99d0-2635315bc4ac" providerId="ADAL" clId="{104A0FAD-1A32-46DF-B188-625334230143}" dt="2023-10-26T06:08:34.685" v="1493" actId="20577"/>
        <pc:sldMkLst>
          <pc:docMk/>
          <pc:sldMk cId="2192092575" sldId="2147375242"/>
        </pc:sldMkLst>
        <pc:spChg chg="del">
          <ac:chgData name="Nitsche, Rainer" userId="b0459796-2dba-4711-99d0-2635315bc4ac" providerId="ADAL" clId="{104A0FAD-1A32-46DF-B188-625334230143}" dt="2023-10-24T14:01:00.785" v="1158" actId="478"/>
          <ac:spMkLst>
            <pc:docMk/>
            <pc:sldMk cId="2192092575" sldId="2147375242"/>
            <ac:spMk id="3" creationId="{DE6F6B1C-BB8E-8CE1-DC5D-9B107569CEAB}"/>
          </ac:spMkLst>
        </pc:spChg>
        <pc:spChg chg="mod">
          <ac:chgData name="Nitsche, Rainer" userId="b0459796-2dba-4711-99d0-2635315bc4ac" providerId="ADAL" clId="{104A0FAD-1A32-46DF-B188-625334230143}" dt="2023-10-26T06:08:34.685" v="1493" actId="20577"/>
          <ac:spMkLst>
            <pc:docMk/>
            <pc:sldMk cId="2192092575" sldId="2147375242"/>
            <ac:spMk id="4" creationId="{D0BA69E1-4BCD-2F7C-E994-BC96FB4B7A88}"/>
          </ac:spMkLst>
        </pc:spChg>
        <pc:spChg chg="add mod">
          <ac:chgData name="Nitsche, Rainer" userId="b0459796-2dba-4711-99d0-2635315bc4ac" providerId="ADAL" clId="{104A0FAD-1A32-46DF-B188-625334230143}" dt="2023-10-24T14:11:13.303" v="1189" actId="20577"/>
          <ac:spMkLst>
            <pc:docMk/>
            <pc:sldMk cId="2192092575" sldId="2147375242"/>
            <ac:spMk id="7" creationId="{B826B11E-2F72-9265-73D8-8C545B9BCD6B}"/>
          </ac:spMkLst>
        </pc:spChg>
        <pc:spChg chg="del">
          <ac:chgData name="Nitsche, Rainer" userId="b0459796-2dba-4711-99d0-2635315bc4ac" providerId="ADAL" clId="{104A0FAD-1A32-46DF-B188-625334230143}" dt="2023-10-24T14:01:05.475" v="1160" actId="478"/>
          <ac:spMkLst>
            <pc:docMk/>
            <pc:sldMk cId="2192092575" sldId="2147375242"/>
            <ac:spMk id="20" creationId="{D53AC388-07E1-DA08-4511-37D09182B488}"/>
          </ac:spMkLst>
        </pc:spChg>
        <pc:spChg chg="del mod">
          <ac:chgData name="Nitsche, Rainer" userId="b0459796-2dba-4711-99d0-2635315bc4ac" providerId="ADAL" clId="{104A0FAD-1A32-46DF-B188-625334230143}" dt="2023-10-24T14:01:03.899" v="1159" actId="478"/>
          <ac:spMkLst>
            <pc:docMk/>
            <pc:sldMk cId="2192092575" sldId="2147375242"/>
            <ac:spMk id="41" creationId="{05F2B298-3CE3-90B0-0D37-2AD05EE91269}"/>
          </ac:spMkLst>
        </pc:spChg>
        <pc:spChg chg="del">
          <ac:chgData name="Nitsche, Rainer" userId="b0459796-2dba-4711-99d0-2635315bc4ac" providerId="ADAL" clId="{104A0FAD-1A32-46DF-B188-625334230143}" dt="2023-10-24T14:01:08.584" v="1161" actId="478"/>
          <ac:spMkLst>
            <pc:docMk/>
            <pc:sldMk cId="2192092575" sldId="2147375242"/>
            <ac:spMk id="47" creationId="{D0EA3AE8-E413-3E83-0D0E-C42F39611B79}"/>
          </ac:spMkLst>
        </pc:spChg>
        <pc:spChg chg="del">
          <ac:chgData name="Nitsche, Rainer" userId="b0459796-2dba-4711-99d0-2635315bc4ac" providerId="ADAL" clId="{104A0FAD-1A32-46DF-B188-625334230143}" dt="2023-10-24T14:01:08.584" v="1161" actId="478"/>
          <ac:spMkLst>
            <pc:docMk/>
            <pc:sldMk cId="2192092575" sldId="2147375242"/>
            <ac:spMk id="77" creationId="{7D5E808D-FCE4-75F7-C2D2-4A185EE79EF7}"/>
          </ac:spMkLst>
        </pc:spChg>
        <pc:spChg chg="del">
          <ac:chgData name="Nitsche, Rainer" userId="b0459796-2dba-4711-99d0-2635315bc4ac" providerId="ADAL" clId="{104A0FAD-1A32-46DF-B188-625334230143}" dt="2023-10-24T14:01:08.584" v="1161" actId="478"/>
          <ac:spMkLst>
            <pc:docMk/>
            <pc:sldMk cId="2192092575" sldId="2147375242"/>
            <ac:spMk id="78" creationId="{416270E1-2DED-47FE-8AE0-AD65E6DD8027}"/>
          </ac:spMkLst>
        </pc:spChg>
        <pc:grpChg chg="del">
          <ac:chgData name="Nitsche, Rainer" userId="b0459796-2dba-4711-99d0-2635315bc4ac" providerId="ADAL" clId="{104A0FAD-1A32-46DF-B188-625334230143}" dt="2023-10-24T14:01:08.584" v="1161" actId="478"/>
          <ac:grpSpMkLst>
            <pc:docMk/>
            <pc:sldMk cId="2192092575" sldId="2147375242"/>
            <ac:grpSpMk id="43" creationId="{5881A125-1091-DBD5-75BF-AFAAF7A3D2AF}"/>
          </ac:grpSpMkLst>
        </pc:grpChg>
        <pc:grpChg chg="del">
          <ac:chgData name="Nitsche, Rainer" userId="b0459796-2dba-4711-99d0-2635315bc4ac" providerId="ADAL" clId="{104A0FAD-1A32-46DF-B188-625334230143}" dt="2023-10-24T14:01:08.584" v="1161" actId="478"/>
          <ac:grpSpMkLst>
            <pc:docMk/>
            <pc:sldMk cId="2192092575" sldId="2147375242"/>
            <ac:grpSpMk id="44" creationId="{3A950491-AE9A-6244-8E33-FAD57B602C28}"/>
          </ac:grpSpMkLst>
        </pc:grpChg>
        <pc:picChg chg="del">
          <ac:chgData name="Nitsche, Rainer" userId="b0459796-2dba-4711-99d0-2635315bc4ac" providerId="ADAL" clId="{104A0FAD-1A32-46DF-B188-625334230143}" dt="2023-10-24T14:01:09.453" v="1162" actId="478"/>
          <ac:picMkLst>
            <pc:docMk/>
            <pc:sldMk cId="2192092575" sldId="2147375242"/>
            <ac:picMk id="6" creationId="{8EF81F50-F525-1CD9-4B6D-A1EFA8F5FB80}"/>
          </ac:picMkLst>
        </pc:picChg>
        <pc:picChg chg="add mod modCrop">
          <ac:chgData name="Nitsche, Rainer" userId="b0459796-2dba-4711-99d0-2635315bc4ac" providerId="ADAL" clId="{104A0FAD-1A32-46DF-B188-625334230143}" dt="2023-10-24T14:11:05.223" v="1176" actId="732"/>
          <ac:picMkLst>
            <pc:docMk/>
            <pc:sldMk cId="2192092575" sldId="2147375242"/>
            <ac:picMk id="19" creationId="{4A3D2F42-0F51-137C-16C3-1A337C80359D}"/>
          </ac:picMkLst>
        </pc:picChg>
        <pc:picChg chg="del">
          <ac:chgData name="Nitsche, Rainer" userId="b0459796-2dba-4711-99d0-2635315bc4ac" providerId="ADAL" clId="{104A0FAD-1A32-46DF-B188-625334230143}" dt="2023-10-24T14:01:08.584" v="1161" actId="478"/>
          <ac:picMkLst>
            <pc:docMk/>
            <pc:sldMk cId="2192092575" sldId="2147375242"/>
            <ac:picMk id="52" creationId="{3D9FE8CF-B90F-2A45-D0B8-91EE03C6C16F}"/>
          </ac:picMkLst>
        </pc:picChg>
        <pc:picChg chg="del">
          <ac:chgData name="Nitsche, Rainer" userId="b0459796-2dba-4711-99d0-2635315bc4ac" providerId="ADAL" clId="{104A0FAD-1A32-46DF-B188-625334230143}" dt="2023-10-24T14:01:08.584" v="1161" actId="478"/>
          <ac:picMkLst>
            <pc:docMk/>
            <pc:sldMk cId="2192092575" sldId="2147375242"/>
            <ac:picMk id="56" creationId="{90BE8128-DA07-D533-A5DB-B13192EF2260}"/>
          </ac:picMkLst>
        </pc:picChg>
        <pc:picChg chg="del">
          <ac:chgData name="Nitsche, Rainer" userId="b0459796-2dba-4711-99d0-2635315bc4ac" providerId="ADAL" clId="{104A0FAD-1A32-46DF-B188-625334230143}" dt="2023-10-24T14:01:08.584" v="1161" actId="478"/>
          <ac:picMkLst>
            <pc:docMk/>
            <pc:sldMk cId="2192092575" sldId="2147375242"/>
            <ac:picMk id="58" creationId="{9E3CBC33-8E1C-9BCD-1167-F78E5E8DE7FD}"/>
          </ac:picMkLst>
        </pc:picChg>
        <pc:picChg chg="del">
          <ac:chgData name="Nitsche, Rainer" userId="b0459796-2dba-4711-99d0-2635315bc4ac" providerId="ADAL" clId="{104A0FAD-1A32-46DF-B188-625334230143}" dt="2023-10-24T14:01:08.584" v="1161" actId="478"/>
          <ac:picMkLst>
            <pc:docMk/>
            <pc:sldMk cId="2192092575" sldId="2147375242"/>
            <ac:picMk id="65" creationId="{AAFA4C60-3FE4-BC1E-1487-F61CD94A52A1}"/>
          </ac:picMkLst>
        </pc:picChg>
        <pc:picChg chg="del">
          <ac:chgData name="Nitsche, Rainer" userId="b0459796-2dba-4711-99d0-2635315bc4ac" providerId="ADAL" clId="{104A0FAD-1A32-46DF-B188-625334230143}" dt="2023-10-24T14:01:08.584" v="1161" actId="478"/>
          <ac:picMkLst>
            <pc:docMk/>
            <pc:sldMk cId="2192092575" sldId="2147375242"/>
            <ac:picMk id="69" creationId="{04ABB2E8-673C-A8CB-C0F2-76532580EC78}"/>
          </ac:picMkLst>
        </pc:picChg>
        <pc:picChg chg="del">
          <ac:chgData name="Nitsche, Rainer" userId="b0459796-2dba-4711-99d0-2635315bc4ac" providerId="ADAL" clId="{104A0FAD-1A32-46DF-B188-625334230143}" dt="2023-10-24T14:01:11.894" v="1163" actId="478"/>
          <ac:picMkLst>
            <pc:docMk/>
            <pc:sldMk cId="2192092575" sldId="2147375242"/>
            <ac:picMk id="71" creationId="{7A8DB232-4633-BC46-C88D-648E04D8338A}"/>
          </ac:picMkLst>
        </pc:picChg>
        <pc:cxnChg chg="del">
          <ac:chgData name="Nitsche, Rainer" userId="b0459796-2dba-4711-99d0-2635315bc4ac" providerId="ADAL" clId="{104A0FAD-1A32-46DF-B188-625334230143}" dt="2023-10-24T14:01:08.584" v="1161" actId="478"/>
          <ac:cxnSpMkLst>
            <pc:docMk/>
            <pc:sldMk cId="2192092575" sldId="2147375242"/>
            <ac:cxnSpMk id="46" creationId="{173F4EA8-DFC9-45D7-B9F8-FCCF4D52F407}"/>
          </ac:cxnSpMkLst>
        </pc:cxnChg>
        <pc:cxnChg chg="del">
          <ac:chgData name="Nitsche, Rainer" userId="b0459796-2dba-4711-99d0-2635315bc4ac" providerId="ADAL" clId="{104A0FAD-1A32-46DF-B188-625334230143}" dt="2023-10-24T14:01:08.584" v="1161" actId="478"/>
          <ac:cxnSpMkLst>
            <pc:docMk/>
            <pc:sldMk cId="2192092575" sldId="2147375242"/>
            <ac:cxnSpMk id="73" creationId="{403F9D68-7639-CD9E-16F2-B4C97B489412}"/>
          </ac:cxnSpMkLst>
        </pc:cxnChg>
      </pc:sldChg>
      <pc:sldChg chg="addSp delSp modSp new mod modNotesTx">
        <pc:chgData name="Nitsche, Rainer" userId="b0459796-2dba-4711-99d0-2635315bc4ac" providerId="ADAL" clId="{104A0FAD-1A32-46DF-B188-625334230143}" dt="2023-10-25T12:10:46.453" v="1415" actId="20577"/>
        <pc:sldMkLst>
          <pc:docMk/>
          <pc:sldMk cId="2097587084" sldId="2147375243"/>
        </pc:sldMkLst>
        <pc:spChg chg="mod">
          <ac:chgData name="Nitsche, Rainer" userId="b0459796-2dba-4711-99d0-2635315bc4ac" providerId="ADAL" clId="{104A0FAD-1A32-46DF-B188-625334230143}" dt="2023-10-25T12:02:50.491" v="1405" actId="207"/>
          <ac:spMkLst>
            <pc:docMk/>
            <pc:sldMk cId="2097587084" sldId="2147375243"/>
            <ac:spMk id="3" creationId="{9826E863-F1A7-B275-4975-8BD5DE7A556B}"/>
          </ac:spMkLst>
        </pc:spChg>
        <pc:spChg chg="mod">
          <ac:chgData name="Nitsche, Rainer" userId="b0459796-2dba-4711-99d0-2635315bc4ac" providerId="ADAL" clId="{104A0FAD-1A32-46DF-B188-625334230143}" dt="2023-10-25T12:10:46.453" v="1415" actId="20577"/>
          <ac:spMkLst>
            <pc:docMk/>
            <pc:sldMk cId="2097587084" sldId="2147375243"/>
            <ac:spMk id="4" creationId="{D5B65F14-997E-FE27-1F78-B9EC532AE079}"/>
          </ac:spMkLst>
        </pc:spChg>
        <pc:spChg chg="del">
          <ac:chgData name="Nitsche, Rainer" userId="b0459796-2dba-4711-99d0-2635315bc4ac" providerId="ADAL" clId="{104A0FAD-1A32-46DF-B188-625334230143}" dt="2023-10-25T12:03:09.485" v="1406" actId="478"/>
          <ac:spMkLst>
            <pc:docMk/>
            <pc:sldMk cId="2097587084" sldId="2147375243"/>
            <ac:spMk id="5" creationId="{196D14E3-AD90-49C9-5C7F-09B6B11B4289}"/>
          </ac:spMkLst>
        </pc:spChg>
        <pc:spChg chg="mod">
          <ac:chgData name="Nitsche, Rainer" userId="b0459796-2dba-4711-99d0-2635315bc4ac" providerId="ADAL" clId="{104A0FAD-1A32-46DF-B188-625334230143}" dt="2023-10-25T06:59:26.649" v="1283"/>
          <ac:spMkLst>
            <pc:docMk/>
            <pc:sldMk cId="2097587084" sldId="2147375243"/>
            <ac:spMk id="8" creationId="{0128CDAF-4D57-22BE-221A-74721FDCCC56}"/>
          </ac:spMkLst>
        </pc:spChg>
        <pc:spChg chg="mod">
          <ac:chgData name="Nitsche, Rainer" userId="b0459796-2dba-4711-99d0-2635315bc4ac" providerId="ADAL" clId="{104A0FAD-1A32-46DF-B188-625334230143}" dt="2023-10-25T06:59:26.649" v="1283"/>
          <ac:spMkLst>
            <pc:docMk/>
            <pc:sldMk cId="2097587084" sldId="2147375243"/>
            <ac:spMk id="9" creationId="{931CCE85-927E-04C6-E3A1-2028FCD57C9C}"/>
          </ac:spMkLst>
        </pc:spChg>
        <pc:spChg chg="mod">
          <ac:chgData name="Nitsche, Rainer" userId="b0459796-2dba-4711-99d0-2635315bc4ac" providerId="ADAL" clId="{104A0FAD-1A32-46DF-B188-625334230143}" dt="2023-10-25T06:59:26.649" v="1283"/>
          <ac:spMkLst>
            <pc:docMk/>
            <pc:sldMk cId="2097587084" sldId="2147375243"/>
            <ac:spMk id="10" creationId="{71435175-55D7-04B3-F08C-1C2D399CA34E}"/>
          </ac:spMkLst>
        </pc:spChg>
        <pc:spChg chg="mod">
          <ac:chgData name="Nitsche, Rainer" userId="b0459796-2dba-4711-99d0-2635315bc4ac" providerId="ADAL" clId="{104A0FAD-1A32-46DF-B188-625334230143}" dt="2023-10-25T06:59:26.649" v="1283"/>
          <ac:spMkLst>
            <pc:docMk/>
            <pc:sldMk cId="2097587084" sldId="2147375243"/>
            <ac:spMk id="11" creationId="{476093B3-63C6-168E-F54F-F601B4662FF4}"/>
          </ac:spMkLst>
        </pc:spChg>
        <pc:spChg chg="mod">
          <ac:chgData name="Nitsche, Rainer" userId="b0459796-2dba-4711-99d0-2635315bc4ac" providerId="ADAL" clId="{104A0FAD-1A32-46DF-B188-625334230143}" dt="2023-10-25T06:59:26.649" v="1283"/>
          <ac:spMkLst>
            <pc:docMk/>
            <pc:sldMk cId="2097587084" sldId="2147375243"/>
            <ac:spMk id="12" creationId="{0CBBBC20-CFED-BA75-CD62-CFE8BBB199CB}"/>
          </ac:spMkLst>
        </pc:spChg>
        <pc:spChg chg="mod">
          <ac:chgData name="Nitsche, Rainer" userId="b0459796-2dba-4711-99d0-2635315bc4ac" providerId="ADAL" clId="{104A0FAD-1A32-46DF-B188-625334230143}" dt="2023-10-25T06:59:26.649" v="1283"/>
          <ac:spMkLst>
            <pc:docMk/>
            <pc:sldMk cId="2097587084" sldId="2147375243"/>
            <ac:spMk id="13" creationId="{FDB8FA4B-93C8-54E8-38B8-AC6EDECAEB4D}"/>
          </ac:spMkLst>
        </pc:spChg>
        <pc:spChg chg="mod">
          <ac:chgData name="Nitsche, Rainer" userId="b0459796-2dba-4711-99d0-2635315bc4ac" providerId="ADAL" clId="{104A0FAD-1A32-46DF-B188-625334230143}" dt="2023-10-25T06:59:26.649" v="1283"/>
          <ac:spMkLst>
            <pc:docMk/>
            <pc:sldMk cId="2097587084" sldId="2147375243"/>
            <ac:spMk id="14" creationId="{B956F4BA-8D34-8431-4E58-1003678916EB}"/>
          </ac:spMkLst>
        </pc:spChg>
        <pc:spChg chg="mod">
          <ac:chgData name="Nitsche, Rainer" userId="b0459796-2dba-4711-99d0-2635315bc4ac" providerId="ADAL" clId="{104A0FAD-1A32-46DF-B188-625334230143}" dt="2023-10-25T06:59:26.649" v="1283"/>
          <ac:spMkLst>
            <pc:docMk/>
            <pc:sldMk cId="2097587084" sldId="2147375243"/>
            <ac:spMk id="15" creationId="{F8A791CD-E0B0-5FEF-6CFD-F31FDA144A3E}"/>
          </ac:spMkLst>
        </pc:spChg>
        <pc:grpChg chg="add mod">
          <ac:chgData name="Nitsche, Rainer" userId="b0459796-2dba-4711-99d0-2635315bc4ac" providerId="ADAL" clId="{104A0FAD-1A32-46DF-B188-625334230143}" dt="2023-10-25T06:59:26.649" v="1283"/>
          <ac:grpSpMkLst>
            <pc:docMk/>
            <pc:sldMk cId="2097587084" sldId="2147375243"/>
            <ac:grpSpMk id="6" creationId="{B6C96EDE-81F9-213D-713A-3C5EA6F81F82}"/>
          </ac:grpSpMkLst>
        </pc:grpChg>
        <pc:grpChg chg="mod">
          <ac:chgData name="Nitsche, Rainer" userId="b0459796-2dba-4711-99d0-2635315bc4ac" providerId="ADAL" clId="{104A0FAD-1A32-46DF-B188-625334230143}" dt="2023-10-25T06:59:26.649" v="1283"/>
          <ac:grpSpMkLst>
            <pc:docMk/>
            <pc:sldMk cId="2097587084" sldId="2147375243"/>
            <ac:grpSpMk id="7" creationId="{BEF1B1D7-C64F-6674-6D82-0BF776A29CEB}"/>
          </ac:grpSpMkLst>
        </pc:grpChg>
        <pc:picChg chg="add mod">
          <ac:chgData name="Nitsche, Rainer" userId="b0459796-2dba-4711-99d0-2635315bc4ac" providerId="ADAL" clId="{104A0FAD-1A32-46DF-B188-625334230143}" dt="2023-10-25T12:07:56.479" v="1410" actId="14100"/>
          <ac:picMkLst>
            <pc:docMk/>
            <pc:sldMk cId="2097587084" sldId="2147375243"/>
            <ac:picMk id="17" creationId="{EBBCCFEA-9A7E-1017-26BA-C0A72E8D7E02}"/>
          </ac:picMkLst>
        </pc:picChg>
      </pc:sldChg>
      <pc:sldChg chg="addSp delSp modSp new mod">
        <pc:chgData name="Nitsche, Rainer" userId="b0459796-2dba-4711-99d0-2635315bc4ac" providerId="ADAL" clId="{104A0FAD-1A32-46DF-B188-625334230143}" dt="2023-10-25T07:17:59.358" v="1380" actId="20577"/>
        <pc:sldMkLst>
          <pc:docMk/>
          <pc:sldMk cId="1323432009" sldId="2147375244"/>
        </pc:sldMkLst>
        <pc:spChg chg="mod">
          <ac:chgData name="Nitsche, Rainer" userId="b0459796-2dba-4711-99d0-2635315bc4ac" providerId="ADAL" clId="{104A0FAD-1A32-46DF-B188-625334230143}" dt="2023-10-25T07:00:17.459" v="1314" actId="20577"/>
          <ac:spMkLst>
            <pc:docMk/>
            <pc:sldMk cId="1323432009" sldId="2147375244"/>
            <ac:spMk id="3" creationId="{841E3E13-7129-EB33-CBE0-A955213FA995}"/>
          </ac:spMkLst>
        </pc:spChg>
        <pc:spChg chg="mod">
          <ac:chgData name="Nitsche, Rainer" userId="b0459796-2dba-4711-99d0-2635315bc4ac" providerId="ADAL" clId="{104A0FAD-1A32-46DF-B188-625334230143}" dt="2023-10-25T06:59:55.484" v="1287"/>
          <ac:spMkLst>
            <pc:docMk/>
            <pc:sldMk cId="1323432009" sldId="2147375244"/>
            <ac:spMk id="4" creationId="{CF9F513B-3659-51D1-509B-2987639C740A}"/>
          </ac:spMkLst>
        </pc:spChg>
        <pc:spChg chg="mod">
          <ac:chgData name="Nitsche, Rainer" userId="b0459796-2dba-4711-99d0-2635315bc4ac" providerId="ADAL" clId="{104A0FAD-1A32-46DF-B188-625334230143}" dt="2023-10-25T07:17:59.358" v="1380" actId="20577"/>
          <ac:spMkLst>
            <pc:docMk/>
            <pc:sldMk cId="1323432009" sldId="2147375244"/>
            <ac:spMk id="5" creationId="{60CC32F6-F1F3-9916-B062-5CE182797260}"/>
          </ac:spMkLst>
        </pc:spChg>
        <pc:spChg chg="mod">
          <ac:chgData name="Nitsche, Rainer" userId="b0459796-2dba-4711-99d0-2635315bc4ac" providerId="ADAL" clId="{104A0FAD-1A32-46DF-B188-625334230143}" dt="2023-10-25T06:59:29.348" v="1284"/>
          <ac:spMkLst>
            <pc:docMk/>
            <pc:sldMk cId="1323432009" sldId="2147375244"/>
            <ac:spMk id="8" creationId="{C9871D2B-4B79-E46E-3E94-750A91DC9FBD}"/>
          </ac:spMkLst>
        </pc:spChg>
        <pc:spChg chg="mod">
          <ac:chgData name="Nitsche, Rainer" userId="b0459796-2dba-4711-99d0-2635315bc4ac" providerId="ADAL" clId="{104A0FAD-1A32-46DF-B188-625334230143}" dt="2023-10-25T06:59:29.348" v="1284"/>
          <ac:spMkLst>
            <pc:docMk/>
            <pc:sldMk cId="1323432009" sldId="2147375244"/>
            <ac:spMk id="9" creationId="{E09E7909-8F85-8D7E-3C99-E33D52ACF8C4}"/>
          </ac:spMkLst>
        </pc:spChg>
        <pc:spChg chg="mod">
          <ac:chgData name="Nitsche, Rainer" userId="b0459796-2dba-4711-99d0-2635315bc4ac" providerId="ADAL" clId="{104A0FAD-1A32-46DF-B188-625334230143}" dt="2023-10-25T06:59:29.348" v="1284"/>
          <ac:spMkLst>
            <pc:docMk/>
            <pc:sldMk cId="1323432009" sldId="2147375244"/>
            <ac:spMk id="10" creationId="{E27C3A70-0A83-BD2B-F272-5D59211F2095}"/>
          </ac:spMkLst>
        </pc:spChg>
        <pc:spChg chg="mod">
          <ac:chgData name="Nitsche, Rainer" userId="b0459796-2dba-4711-99d0-2635315bc4ac" providerId="ADAL" clId="{104A0FAD-1A32-46DF-B188-625334230143}" dt="2023-10-25T06:59:29.348" v="1284"/>
          <ac:spMkLst>
            <pc:docMk/>
            <pc:sldMk cId="1323432009" sldId="2147375244"/>
            <ac:spMk id="11" creationId="{09962405-1467-8DED-0DAE-3576CB98A467}"/>
          </ac:spMkLst>
        </pc:spChg>
        <pc:spChg chg="mod">
          <ac:chgData name="Nitsche, Rainer" userId="b0459796-2dba-4711-99d0-2635315bc4ac" providerId="ADAL" clId="{104A0FAD-1A32-46DF-B188-625334230143}" dt="2023-10-25T06:59:29.348" v="1284"/>
          <ac:spMkLst>
            <pc:docMk/>
            <pc:sldMk cId="1323432009" sldId="2147375244"/>
            <ac:spMk id="12" creationId="{920E07FC-450F-7F85-F91B-CC65FE53E1B3}"/>
          </ac:spMkLst>
        </pc:spChg>
        <pc:spChg chg="mod">
          <ac:chgData name="Nitsche, Rainer" userId="b0459796-2dba-4711-99d0-2635315bc4ac" providerId="ADAL" clId="{104A0FAD-1A32-46DF-B188-625334230143}" dt="2023-10-25T06:59:29.348" v="1284"/>
          <ac:spMkLst>
            <pc:docMk/>
            <pc:sldMk cId="1323432009" sldId="2147375244"/>
            <ac:spMk id="13" creationId="{D22DA62E-90A8-EBEF-F801-53D2880A5416}"/>
          </ac:spMkLst>
        </pc:spChg>
        <pc:spChg chg="mod">
          <ac:chgData name="Nitsche, Rainer" userId="b0459796-2dba-4711-99d0-2635315bc4ac" providerId="ADAL" clId="{104A0FAD-1A32-46DF-B188-625334230143}" dt="2023-10-25T06:59:29.348" v="1284"/>
          <ac:spMkLst>
            <pc:docMk/>
            <pc:sldMk cId="1323432009" sldId="2147375244"/>
            <ac:spMk id="14" creationId="{805123F4-5CDD-5E8B-55C9-57B1DED809AC}"/>
          </ac:spMkLst>
        </pc:spChg>
        <pc:spChg chg="mod">
          <ac:chgData name="Nitsche, Rainer" userId="b0459796-2dba-4711-99d0-2635315bc4ac" providerId="ADAL" clId="{104A0FAD-1A32-46DF-B188-625334230143}" dt="2023-10-25T06:59:29.348" v="1284"/>
          <ac:spMkLst>
            <pc:docMk/>
            <pc:sldMk cId="1323432009" sldId="2147375244"/>
            <ac:spMk id="15" creationId="{A7583CF6-30EF-28AF-0F90-4E73D1C19C95}"/>
          </ac:spMkLst>
        </pc:spChg>
        <pc:spChg chg="mod">
          <ac:chgData name="Nitsche, Rainer" userId="b0459796-2dba-4711-99d0-2635315bc4ac" providerId="ADAL" clId="{104A0FAD-1A32-46DF-B188-625334230143}" dt="2023-10-25T06:59:43.419" v="1285"/>
          <ac:spMkLst>
            <pc:docMk/>
            <pc:sldMk cId="1323432009" sldId="2147375244"/>
            <ac:spMk id="18" creationId="{4B678ACC-EF47-9B5B-8DBE-187ED99F3719}"/>
          </ac:spMkLst>
        </pc:spChg>
        <pc:spChg chg="mod">
          <ac:chgData name="Nitsche, Rainer" userId="b0459796-2dba-4711-99d0-2635315bc4ac" providerId="ADAL" clId="{104A0FAD-1A32-46DF-B188-625334230143}" dt="2023-10-25T06:59:43.419" v="1285"/>
          <ac:spMkLst>
            <pc:docMk/>
            <pc:sldMk cId="1323432009" sldId="2147375244"/>
            <ac:spMk id="19" creationId="{DE4F28CC-3A2A-C5EF-D92D-23D8AED6A2A6}"/>
          </ac:spMkLst>
        </pc:spChg>
        <pc:spChg chg="mod">
          <ac:chgData name="Nitsche, Rainer" userId="b0459796-2dba-4711-99d0-2635315bc4ac" providerId="ADAL" clId="{104A0FAD-1A32-46DF-B188-625334230143}" dt="2023-10-25T06:59:43.419" v="1285"/>
          <ac:spMkLst>
            <pc:docMk/>
            <pc:sldMk cId="1323432009" sldId="2147375244"/>
            <ac:spMk id="20" creationId="{EED984BC-533C-773E-2D75-798121D7B798}"/>
          </ac:spMkLst>
        </pc:spChg>
        <pc:spChg chg="mod">
          <ac:chgData name="Nitsche, Rainer" userId="b0459796-2dba-4711-99d0-2635315bc4ac" providerId="ADAL" clId="{104A0FAD-1A32-46DF-B188-625334230143}" dt="2023-10-25T06:59:43.419" v="1285"/>
          <ac:spMkLst>
            <pc:docMk/>
            <pc:sldMk cId="1323432009" sldId="2147375244"/>
            <ac:spMk id="21" creationId="{4533556E-80CB-0C87-06E9-F9D8E4EB98C1}"/>
          </ac:spMkLst>
        </pc:spChg>
        <pc:spChg chg="mod">
          <ac:chgData name="Nitsche, Rainer" userId="b0459796-2dba-4711-99d0-2635315bc4ac" providerId="ADAL" clId="{104A0FAD-1A32-46DF-B188-625334230143}" dt="2023-10-25T06:59:43.419" v="1285"/>
          <ac:spMkLst>
            <pc:docMk/>
            <pc:sldMk cId="1323432009" sldId="2147375244"/>
            <ac:spMk id="22" creationId="{9A5F061D-A32E-E951-812B-F4DF1BFE60FC}"/>
          </ac:spMkLst>
        </pc:spChg>
        <pc:spChg chg="mod">
          <ac:chgData name="Nitsche, Rainer" userId="b0459796-2dba-4711-99d0-2635315bc4ac" providerId="ADAL" clId="{104A0FAD-1A32-46DF-B188-625334230143}" dt="2023-10-25T06:59:43.419" v="1285"/>
          <ac:spMkLst>
            <pc:docMk/>
            <pc:sldMk cId="1323432009" sldId="2147375244"/>
            <ac:spMk id="23" creationId="{976A2B43-BDFD-435E-A822-DC5E7634D7E4}"/>
          </ac:spMkLst>
        </pc:spChg>
        <pc:spChg chg="mod">
          <ac:chgData name="Nitsche, Rainer" userId="b0459796-2dba-4711-99d0-2635315bc4ac" providerId="ADAL" clId="{104A0FAD-1A32-46DF-B188-625334230143}" dt="2023-10-25T06:59:43.419" v="1285"/>
          <ac:spMkLst>
            <pc:docMk/>
            <pc:sldMk cId="1323432009" sldId="2147375244"/>
            <ac:spMk id="24" creationId="{545CECF6-FB18-11FF-F06B-9C13CA658E14}"/>
          </ac:spMkLst>
        </pc:spChg>
        <pc:spChg chg="mod">
          <ac:chgData name="Nitsche, Rainer" userId="b0459796-2dba-4711-99d0-2635315bc4ac" providerId="ADAL" clId="{104A0FAD-1A32-46DF-B188-625334230143}" dt="2023-10-25T06:59:43.419" v="1285"/>
          <ac:spMkLst>
            <pc:docMk/>
            <pc:sldMk cId="1323432009" sldId="2147375244"/>
            <ac:spMk id="25" creationId="{14320203-13AB-EA51-9326-9E842AAC8679}"/>
          </ac:spMkLst>
        </pc:spChg>
        <pc:grpChg chg="add mod">
          <ac:chgData name="Nitsche, Rainer" userId="b0459796-2dba-4711-99d0-2635315bc4ac" providerId="ADAL" clId="{104A0FAD-1A32-46DF-B188-625334230143}" dt="2023-10-25T06:59:29.348" v="1284"/>
          <ac:grpSpMkLst>
            <pc:docMk/>
            <pc:sldMk cId="1323432009" sldId="2147375244"/>
            <ac:grpSpMk id="6" creationId="{A9EC6FA5-4053-EACA-1A05-45936CAD0D4D}"/>
          </ac:grpSpMkLst>
        </pc:grpChg>
        <pc:grpChg chg="mod">
          <ac:chgData name="Nitsche, Rainer" userId="b0459796-2dba-4711-99d0-2635315bc4ac" providerId="ADAL" clId="{104A0FAD-1A32-46DF-B188-625334230143}" dt="2023-10-25T06:59:29.348" v="1284"/>
          <ac:grpSpMkLst>
            <pc:docMk/>
            <pc:sldMk cId="1323432009" sldId="2147375244"/>
            <ac:grpSpMk id="7" creationId="{DAAEFC14-C709-EACC-4885-737E0D0F00B0}"/>
          </ac:grpSpMkLst>
        </pc:grpChg>
        <pc:grpChg chg="add del mod">
          <ac:chgData name="Nitsche, Rainer" userId="b0459796-2dba-4711-99d0-2635315bc4ac" providerId="ADAL" clId="{104A0FAD-1A32-46DF-B188-625334230143}" dt="2023-10-25T06:59:47.627" v="1286"/>
          <ac:grpSpMkLst>
            <pc:docMk/>
            <pc:sldMk cId="1323432009" sldId="2147375244"/>
            <ac:grpSpMk id="16" creationId="{6D53CAD0-2E49-BDBB-4C8A-F0689C2D7838}"/>
          </ac:grpSpMkLst>
        </pc:grpChg>
        <pc:grpChg chg="mod">
          <ac:chgData name="Nitsche, Rainer" userId="b0459796-2dba-4711-99d0-2635315bc4ac" providerId="ADAL" clId="{104A0FAD-1A32-46DF-B188-625334230143}" dt="2023-10-25T06:59:43.419" v="1285"/>
          <ac:grpSpMkLst>
            <pc:docMk/>
            <pc:sldMk cId="1323432009" sldId="2147375244"/>
            <ac:grpSpMk id="17" creationId="{9D10AA38-C363-6EAF-54A0-06D9F4422BA5}"/>
          </ac:grpSpMkLst>
        </pc:grpChg>
      </pc:sldChg>
      <pc:sldChg chg="addSp delSp modSp add mod ord modNotesTx">
        <pc:chgData name="Nitsche, Rainer" userId="b0459796-2dba-4711-99d0-2635315bc4ac" providerId="ADAL" clId="{104A0FAD-1A32-46DF-B188-625334230143}" dt="2023-11-07T09:23:06.446" v="4995" actId="478"/>
        <pc:sldMkLst>
          <pc:docMk/>
          <pc:sldMk cId="417024031" sldId="2147375245"/>
        </pc:sldMkLst>
        <pc:spChg chg="mod">
          <ac:chgData name="Nitsche, Rainer" userId="b0459796-2dba-4711-99d0-2635315bc4ac" providerId="ADAL" clId="{104A0FAD-1A32-46DF-B188-625334230143}" dt="2023-11-06T12:33:05.478" v="1553" actId="20577"/>
          <ac:spMkLst>
            <pc:docMk/>
            <pc:sldMk cId="417024031" sldId="2147375245"/>
            <ac:spMk id="3" creationId="{9826E863-F1A7-B275-4975-8BD5DE7A556B}"/>
          </ac:spMkLst>
        </pc:spChg>
        <pc:spChg chg="del">
          <ac:chgData name="Nitsche, Rainer" userId="b0459796-2dba-4711-99d0-2635315bc4ac" providerId="ADAL" clId="{104A0FAD-1A32-46DF-B188-625334230143}" dt="2023-11-06T12:37:28.623" v="1554" actId="478"/>
          <ac:spMkLst>
            <pc:docMk/>
            <pc:sldMk cId="417024031" sldId="2147375245"/>
            <ac:spMk id="5" creationId="{196D14E3-AD90-49C9-5C7F-09B6B11B4289}"/>
          </ac:spMkLst>
        </pc:spChg>
        <pc:spChg chg="mod">
          <ac:chgData name="Nitsche, Rainer" userId="b0459796-2dba-4711-99d0-2635315bc4ac" providerId="ADAL" clId="{104A0FAD-1A32-46DF-B188-625334230143}" dt="2023-11-07T09:22:51.226" v="4993"/>
          <ac:spMkLst>
            <pc:docMk/>
            <pc:sldMk cId="417024031" sldId="2147375245"/>
            <ac:spMk id="16" creationId="{AA9FD5CA-F69C-2E8B-3A74-A6E4BADD7B7C}"/>
          </ac:spMkLst>
        </pc:spChg>
        <pc:spChg chg="mod">
          <ac:chgData name="Nitsche, Rainer" userId="b0459796-2dba-4711-99d0-2635315bc4ac" providerId="ADAL" clId="{104A0FAD-1A32-46DF-B188-625334230143}" dt="2023-11-07T09:22:51.226" v="4993"/>
          <ac:spMkLst>
            <pc:docMk/>
            <pc:sldMk cId="417024031" sldId="2147375245"/>
            <ac:spMk id="17" creationId="{96D1D515-5AD3-39F9-3D18-9BC44871C198}"/>
          </ac:spMkLst>
        </pc:spChg>
        <pc:grpChg chg="add del mod">
          <ac:chgData name="Nitsche, Rainer" userId="b0459796-2dba-4711-99d0-2635315bc4ac" providerId="ADAL" clId="{104A0FAD-1A32-46DF-B188-625334230143}" dt="2023-11-07T09:23:06.446" v="4995" actId="478"/>
          <ac:grpSpMkLst>
            <pc:docMk/>
            <pc:sldMk cId="417024031" sldId="2147375245"/>
            <ac:grpSpMk id="5" creationId="{ED12D2A5-58FA-2203-787D-42C0ADA2F290}"/>
          </ac:grpSpMkLst>
        </pc:grpChg>
        <pc:picChg chg="add del mod">
          <ac:chgData name="Nitsche, Rainer" userId="b0459796-2dba-4711-99d0-2635315bc4ac" providerId="ADAL" clId="{104A0FAD-1A32-46DF-B188-625334230143}" dt="2023-11-06T12:38:10.915" v="1560" actId="478"/>
          <ac:picMkLst>
            <pc:docMk/>
            <pc:sldMk cId="417024031" sldId="2147375245"/>
            <ac:picMk id="17" creationId="{6EF74F03-3206-4E37-4CB4-414E43894F68}"/>
          </ac:picMkLst>
        </pc:picChg>
        <pc:picChg chg="add mod modCrop">
          <ac:chgData name="Nitsche, Rainer" userId="b0459796-2dba-4711-99d0-2635315bc4ac" providerId="ADAL" clId="{104A0FAD-1A32-46DF-B188-625334230143}" dt="2023-11-06T12:39:14.655" v="1590" actId="1036"/>
          <ac:picMkLst>
            <pc:docMk/>
            <pc:sldMk cId="417024031" sldId="2147375245"/>
            <ac:picMk id="19" creationId="{7CCC287A-1D72-500A-EA26-96874C2D6020}"/>
          </ac:picMkLst>
        </pc:picChg>
        <pc:picChg chg="add mod modCrop">
          <ac:chgData name="Nitsche, Rainer" userId="b0459796-2dba-4711-99d0-2635315bc4ac" providerId="ADAL" clId="{104A0FAD-1A32-46DF-B188-625334230143}" dt="2023-11-06T12:42:13.567" v="1599" actId="732"/>
          <ac:picMkLst>
            <pc:docMk/>
            <pc:sldMk cId="417024031" sldId="2147375245"/>
            <ac:picMk id="21" creationId="{617AACF7-D451-887C-EC31-E44548AE88CC}"/>
          </ac:picMkLst>
        </pc:picChg>
      </pc:sldChg>
      <pc:sldChg chg="addSp delSp modSp add mod modNotesTx">
        <pc:chgData name="Nitsche, Rainer" userId="b0459796-2dba-4711-99d0-2635315bc4ac" providerId="ADAL" clId="{104A0FAD-1A32-46DF-B188-625334230143}" dt="2023-10-25T12:18:08.100" v="1476"/>
        <pc:sldMkLst>
          <pc:docMk/>
          <pc:sldMk cId="1060267553" sldId="2147375246"/>
        </pc:sldMkLst>
        <pc:spChg chg="mod">
          <ac:chgData name="Nitsche, Rainer" userId="b0459796-2dba-4711-99d0-2635315bc4ac" providerId="ADAL" clId="{104A0FAD-1A32-46DF-B188-625334230143}" dt="2023-10-25T12:11:11.627" v="1419" actId="20577"/>
          <ac:spMkLst>
            <pc:docMk/>
            <pc:sldMk cId="1060267553" sldId="2147375246"/>
            <ac:spMk id="3" creationId="{9826E863-F1A7-B275-4975-8BD5DE7A556B}"/>
          </ac:spMkLst>
        </pc:spChg>
        <pc:picChg chg="add mod">
          <ac:chgData name="Nitsche, Rainer" userId="b0459796-2dba-4711-99d0-2635315bc4ac" providerId="ADAL" clId="{104A0FAD-1A32-46DF-B188-625334230143}" dt="2023-10-25T12:17:42.070" v="1475" actId="14100"/>
          <ac:picMkLst>
            <pc:docMk/>
            <pc:sldMk cId="1060267553" sldId="2147375246"/>
            <ac:picMk id="16" creationId="{3638765E-411B-207F-5E47-FCC089951911}"/>
          </ac:picMkLst>
        </pc:picChg>
        <pc:picChg chg="del">
          <ac:chgData name="Nitsche, Rainer" userId="b0459796-2dba-4711-99d0-2635315bc4ac" providerId="ADAL" clId="{104A0FAD-1A32-46DF-B188-625334230143}" dt="2023-10-25T12:11:23.761" v="1420" actId="478"/>
          <ac:picMkLst>
            <pc:docMk/>
            <pc:sldMk cId="1060267553" sldId="2147375246"/>
            <ac:picMk id="17" creationId="{EBBCCFEA-9A7E-1017-26BA-C0A72E8D7E02}"/>
          </ac:picMkLst>
        </pc:picChg>
      </pc:sldChg>
      <pc:sldChg chg="addSp modSp add mod modNotesTx">
        <pc:chgData name="Nitsche, Rainer" userId="b0459796-2dba-4711-99d0-2635315bc4ac" providerId="ADAL" clId="{104A0FAD-1A32-46DF-B188-625334230143}" dt="2023-10-25T12:18:26.549" v="1477"/>
        <pc:sldMkLst>
          <pc:docMk/>
          <pc:sldMk cId="2730819074" sldId="2147375247"/>
        </pc:sldMkLst>
        <pc:spChg chg="mod">
          <ac:chgData name="Nitsche, Rainer" userId="b0459796-2dba-4711-99d0-2635315bc4ac" providerId="ADAL" clId="{104A0FAD-1A32-46DF-B188-625334230143}" dt="2023-10-25T12:11:45.619" v="1433" actId="20577"/>
          <ac:spMkLst>
            <pc:docMk/>
            <pc:sldMk cId="2730819074" sldId="2147375247"/>
            <ac:spMk id="3" creationId="{9826E863-F1A7-B275-4975-8BD5DE7A556B}"/>
          </ac:spMkLst>
        </pc:spChg>
        <pc:picChg chg="add mod">
          <ac:chgData name="Nitsche, Rainer" userId="b0459796-2dba-4711-99d0-2635315bc4ac" providerId="ADAL" clId="{104A0FAD-1A32-46DF-B188-625334230143}" dt="2023-10-25T12:17:23.065" v="1474" actId="1076"/>
          <ac:picMkLst>
            <pc:docMk/>
            <pc:sldMk cId="2730819074" sldId="2147375247"/>
            <ac:picMk id="16" creationId="{C8C4D5B5-6EE7-9575-28D1-1ACF9A238E80}"/>
          </ac:picMkLst>
        </pc:picChg>
      </pc:sldChg>
      <pc:sldChg chg="addSp delSp modSp add mod ord">
        <pc:chgData name="Nitsche, Rainer" userId="b0459796-2dba-4711-99d0-2635315bc4ac" providerId="ADAL" clId="{104A0FAD-1A32-46DF-B188-625334230143}" dt="2023-11-07T07:16:52.512" v="4380" actId="20577"/>
        <pc:sldMkLst>
          <pc:docMk/>
          <pc:sldMk cId="2611124692" sldId="2147375248"/>
        </pc:sldMkLst>
        <pc:spChg chg="add mod">
          <ac:chgData name="Nitsche, Rainer" userId="b0459796-2dba-4711-99d0-2635315bc4ac" providerId="ADAL" clId="{104A0FAD-1A32-46DF-B188-625334230143}" dt="2023-11-06T15:18:11.956" v="3455" actId="1036"/>
          <ac:spMkLst>
            <pc:docMk/>
            <pc:sldMk cId="2611124692" sldId="2147375248"/>
            <ac:spMk id="3" creationId="{C8037090-3C32-AF75-BC39-00DB925D4FFA}"/>
          </ac:spMkLst>
        </pc:spChg>
        <pc:spChg chg="add mod ord">
          <ac:chgData name="Nitsche, Rainer" userId="b0459796-2dba-4711-99d0-2635315bc4ac" providerId="ADAL" clId="{104A0FAD-1A32-46DF-B188-625334230143}" dt="2023-11-06T15:18:11.956" v="3455" actId="1036"/>
          <ac:spMkLst>
            <pc:docMk/>
            <pc:sldMk cId="2611124692" sldId="2147375248"/>
            <ac:spMk id="5" creationId="{CE2C300E-CAA7-1DD0-D26D-34FC46A04125}"/>
          </ac:spMkLst>
        </pc:spChg>
        <pc:spChg chg="add mod">
          <ac:chgData name="Nitsche, Rainer" userId="b0459796-2dba-4711-99d0-2635315bc4ac" providerId="ADAL" clId="{104A0FAD-1A32-46DF-B188-625334230143}" dt="2023-11-07T07:16:52.512" v="4380" actId="20577"/>
          <ac:spMkLst>
            <pc:docMk/>
            <pc:sldMk cId="2611124692" sldId="2147375248"/>
            <ac:spMk id="6" creationId="{7C458142-11FF-C410-15B7-FD28A5C28DD2}"/>
          </ac:spMkLst>
        </pc:spChg>
        <pc:spChg chg="mod">
          <ac:chgData name="Nitsche, Rainer" userId="b0459796-2dba-4711-99d0-2635315bc4ac" providerId="ADAL" clId="{104A0FAD-1A32-46DF-B188-625334230143}" dt="2023-11-06T12:53:05.167" v="1691" actId="14100"/>
          <ac:spMkLst>
            <pc:docMk/>
            <pc:sldMk cId="2611124692" sldId="2147375248"/>
            <ac:spMk id="7" creationId="{B826B11E-2F72-9265-73D8-8C545B9BCD6B}"/>
          </ac:spMkLst>
        </pc:spChg>
        <pc:spChg chg="add mod">
          <ac:chgData name="Nitsche, Rainer" userId="b0459796-2dba-4711-99d0-2635315bc4ac" providerId="ADAL" clId="{104A0FAD-1A32-46DF-B188-625334230143}" dt="2023-11-06T14:09:16.177" v="2262" actId="164"/>
          <ac:spMkLst>
            <pc:docMk/>
            <pc:sldMk cId="2611124692" sldId="2147375248"/>
            <ac:spMk id="22" creationId="{09931E9D-739D-A27D-3757-2B7DDD5B26CF}"/>
          </ac:spMkLst>
        </pc:spChg>
        <pc:spChg chg="add mod">
          <ac:chgData name="Nitsche, Rainer" userId="b0459796-2dba-4711-99d0-2635315bc4ac" providerId="ADAL" clId="{104A0FAD-1A32-46DF-B188-625334230143}" dt="2023-11-07T07:03:10.597" v="4081" actId="692"/>
          <ac:spMkLst>
            <pc:docMk/>
            <pc:sldMk cId="2611124692" sldId="2147375248"/>
            <ac:spMk id="23" creationId="{967B0C79-14C4-3434-74D4-F939A03812CE}"/>
          </ac:spMkLst>
        </pc:spChg>
        <pc:spChg chg="add mod">
          <ac:chgData name="Nitsche, Rainer" userId="b0459796-2dba-4711-99d0-2635315bc4ac" providerId="ADAL" clId="{104A0FAD-1A32-46DF-B188-625334230143}" dt="2023-11-07T07:02:33.558" v="4080" actId="207"/>
          <ac:spMkLst>
            <pc:docMk/>
            <pc:sldMk cId="2611124692" sldId="2147375248"/>
            <ac:spMk id="24" creationId="{5DFC2FB0-4F5D-1EF6-ABC4-635F623535B4}"/>
          </ac:spMkLst>
        </pc:spChg>
        <pc:spChg chg="add mod">
          <ac:chgData name="Nitsche, Rainer" userId="b0459796-2dba-4711-99d0-2635315bc4ac" providerId="ADAL" clId="{104A0FAD-1A32-46DF-B188-625334230143}" dt="2023-11-06T13:06:11.970" v="1995" actId="164"/>
          <ac:spMkLst>
            <pc:docMk/>
            <pc:sldMk cId="2611124692" sldId="2147375248"/>
            <ac:spMk id="45" creationId="{AD6F7FB5-73BF-0FB0-3D15-F7C60B2C64C1}"/>
          </ac:spMkLst>
        </pc:spChg>
        <pc:spChg chg="add mod">
          <ac:chgData name="Nitsche, Rainer" userId="b0459796-2dba-4711-99d0-2635315bc4ac" providerId="ADAL" clId="{104A0FAD-1A32-46DF-B188-625334230143}" dt="2023-11-06T14:09:16.177" v="2262" actId="164"/>
          <ac:spMkLst>
            <pc:docMk/>
            <pc:sldMk cId="2611124692" sldId="2147375248"/>
            <ac:spMk id="47" creationId="{6FF2FC5A-F7DF-4AF6-F709-BA84F9D83591}"/>
          </ac:spMkLst>
        </pc:spChg>
        <pc:spChg chg="add mod">
          <ac:chgData name="Nitsche, Rainer" userId="b0459796-2dba-4711-99d0-2635315bc4ac" providerId="ADAL" clId="{104A0FAD-1A32-46DF-B188-625334230143}" dt="2023-11-06T14:09:16.177" v="2262" actId="164"/>
          <ac:spMkLst>
            <pc:docMk/>
            <pc:sldMk cId="2611124692" sldId="2147375248"/>
            <ac:spMk id="62" creationId="{A531BF03-D10A-2537-DDE3-EA306EF6BAFB}"/>
          </ac:spMkLst>
        </pc:spChg>
        <pc:spChg chg="add mod">
          <ac:chgData name="Nitsche, Rainer" userId="b0459796-2dba-4711-99d0-2635315bc4ac" providerId="ADAL" clId="{104A0FAD-1A32-46DF-B188-625334230143}" dt="2023-11-06T14:32:41.235" v="3071" actId="1035"/>
          <ac:spMkLst>
            <pc:docMk/>
            <pc:sldMk cId="2611124692" sldId="2147375248"/>
            <ac:spMk id="63" creationId="{E9B7E69E-E999-A476-B994-AA9FBBB9F832}"/>
          </ac:spMkLst>
        </pc:spChg>
        <pc:spChg chg="add mod">
          <ac:chgData name="Nitsche, Rainer" userId="b0459796-2dba-4711-99d0-2635315bc4ac" providerId="ADAL" clId="{104A0FAD-1A32-46DF-B188-625334230143}" dt="2023-11-06T14:09:16.177" v="2262" actId="164"/>
          <ac:spMkLst>
            <pc:docMk/>
            <pc:sldMk cId="2611124692" sldId="2147375248"/>
            <ac:spMk id="94" creationId="{CFED4C52-3345-CB63-5A8F-B6BF4A39DC3B}"/>
          </ac:spMkLst>
        </pc:spChg>
        <pc:spChg chg="add mod">
          <ac:chgData name="Nitsche, Rainer" userId="b0459796-2dba-4711-99d0-2635315bc4ac" providerId="ADAL" clId="{104A0FAD-1A32-46DF-B188-625334230143}" dt="2023-11-06T15:18:11.956" v="3455" actId="1036"/>
          <ac:spMkLst>
            <pc:docMk/>
            <pc:sldMk cId="2611124692" sldId="2147375248"/>
            <ac:spMk id="98" creationId="{048C3057-732D-7423-1978-247293930162}"/>
          </ac:spMkLst>
        </pc:spChg>
        <pc:spChg chg="add mod ord">
          <ac:chgData name="Nitsche, Rainer" userId="b0459796-2dba-4711-99d0-2635315bc4ac" providerId="ADAL" clId="{104A0FAD-1A32-46DF-B188-625334230143}" dt="2023-11-06T15:18:11.956" v="3455" actId="1036"/>
          <ac:spMkLst>
            <pc:docMk/>
            <pc:sldMk cId="2611124692" sldId="2147375248"/>
            <ac:spMk id="99" creationId="{F1B3F6DF-B561-3146-FCB7-99012755859C}"/>
          </ac:spMkLst>
        </pc:spChg>
        <pc:spChg chg="add mod">
          <ac:chgData name="Nitsche, Rainer" userId="b0459796-2dba-4711-99d0-2635315bc4ac" providerId="ADAL" clId="{104A0FAD-1A32-46DF-B188-625334230143}" dt="2023-11-07T07:02:24.687" v="4079" actId="207"/>
          <ac:spMkLst>
            <pc:docMk/>
            <pc:sldMk cId="2611124692" sldId="2147375248"/>
            <ac:spMk id="128" creationId="{909FE7A2-8341-F4ED-4320-25C1E2A46574}"/>
          </ac:spMkLst>
        </pc:spChg>
        <pc:spChg chg="add mod">
          <ac:chgData name="Nitsche, Rainer" userId="b0459796-2dba-4711-99d0-2635315bc4ac" providerId="ADAL" clId="{104A0FAD-1A32-46DF-B188-625334230143}" dt="2023-11-06T15:18:11.956" v="3455" actId="1036"/>
          <ac:spMkLst>
            <pc:docMk/>
            <pc:sldMk cId="2611124692" sldId="2147375248"/>
            <ac:spMk id="130" creationId="{506DE4C4-5B00-CA96-54A4-CB208F634DA8}"/>
          </ac:spMkLst>
        </pc:spChg>
        <pc:spChg chg="add mod">
          <ac:chgData name="Nitsche, Rainer" userId="b0459796-2dba-4711-99d0-2635315bc4ac" providerId="ADAL" clId="{104A0FAD-1A32-46DF-B188-625334230143}" dt="2023-11-06T15:18:11.956" v="3455" actId="1036"/>
          <ac:spMkLst>
            <pc:docMk/>
            <pc:sldMk cId="2611124692" sldId="2147375248"/>
            <ac:spMk id="131" creationId="{EEA03695-0C7E-EB85-3362-F22826AEA4D9}"/>
          </ac:spMkLst>
        </pc:spChg>
        <pc:spChg chg="add mod">
          <ac:chgData name="Nitsche, Rainer" userId="b0459796-2dba-4711-99d0-2635315bc4ac" providerId="ADAL" clId="{104A0FAD-1A32-46DF-B188-625334230143}" dt="2023-11-06T15:18:11.956" v="3455" actId="1036"/>
          <ac:spMkLst>
            <pc:docMk/>
            <pc:sldMk cId="2611124692" sldId="2147375248"/>
            <ac:spMk id="143" creationId="{4178C7C9-5FCE-8138-0753-FD28117FDBC3}"/>
          </ac:spMkLst>
        </pc:spChg>
        <pc:spChg chg="add mod">
          <ac:chgData name="Nitsche, Rainer" userId="b0459796-2dba-4711-99d0-2635315bc4ac" providerId="ADAL" clId="{104A0FAD-1A32-46DF-B188-625334230143}" dt="2023-11-07T07:08:46.470" v="4242" actId="1076"/>
          <ac:spMkLst>
            <pc:docMk/>
            <pc:sldMk cId="2611124692" sldId="2147375248"/>
            <ac:spMk id="152" creationId="{28355B05-FB29-62E0-0109-13154A51022F}"/>
          </ac:spMkLst>
        </pc:spChg>
        <pc:spChg chg="add del">
          <ac:chgData name="Nitsche, Rainer" userId="b0459796-2dba-4711-99d0-2635315bc4ac" providerId="ADAL" clId="{104A0FAD-1A32-46DF-B188-625334230143}" dt="2023-11-06T14:36:52.969" v="3268" actId="478"/>
          <ac:spMkLst>
            <pc:docMk/>
            <pc:sldMk cId="2611124692" sldId="2147375248"/>
            <ac:spMk id="154" creationId="{C2E08437-BA3B-164A-5A16-31C4DB44F576}"/>
          </ac:spMkLst>
        </pc:spChg>
        <pc:spChg chg="add mod">
          <ac:chgData name="Nitsche, Rainer" userId="b0459796-2dba-4711-99d0-2635315bc4ac" providerId="ADAL" clId="{104A0FAD-1A32-46DF-B188-625334230143}" dt="2023-11-06T15:18:11.956" v="3455" actId="1036"/>
          <ac:spMkLst>
            <pc:docMk/>
            <pc:sldMk cId="2611124692" sldId="2147375248"/>
            <ac:spMk id="160" creationId="{4DAB2FD9-AA2C-67A5-EF01-67257D781727}"/>
          </ac:spMkLst>
        </pc:spChg>
        <pc:spChg chg="add mod">
          <ac:chgData name="Nitsche, Rainer" userId="b0459796-2dba-4711-99d0-2635315bc4ac" providerId="ADAL" clId="{104A0FAD-1A32-46DF-B188-625334230143}" dt="2023-11-06T15:18:11.956" v="3455" actId="1036"/>
          <ac:spMkLst>
            <pc:docMk/>
            <pc:sldMk cId="2611124692" sldId="2147375248"/>
            <ac:spMk id="169" creationId="{1383B4DA-A35A-6A48-3618-F0D7285A06E5}"/>
          </ac:spMkLst>
        </pc:spChg>
        <pc:spChg chg="add del mod">
          <ac:chgData name="Nitsche, Rainer" userId="b0459796-2dba-4711-99d0-2635315bc4ac" providerId="ADAL" clId="{104A0FAD-1A32-46DF-B188-625334230143}" dt="2023-11-06T15:13:09.514" v="3369" actId="478"/>
          <ac:spMkLst>
            <pc:docMk/>
            <pc:sldMk cId="2611124692" sldId="2147375248"/>
            <ac:spMk id="170" creationId="{10349A9F-EBD7-7464-09D6-BD8FB8E5EF91}"/>
          </ac:spMkLst>
        </pc:spChg>
        <pc:spChg chg="add mod">
          <ac:chgData name="Nitsche, Rainer" userId="b0459796-2dba-4711-99d0-2635315bc4ac" providerId="ADAL" clId="{104A0FAD-1A32-46DF-B188-625334230143}" dt="2023-11-06T15:14:39.027" v="3387" actId="20577"/>
          <ac:spMkLst>
            <pc:docMk/>
            <pc:sldMk cId="2611124692" sldId="2147375248"/>
            <ac:spMk id="171" creationId="{997E46C8-6902-1FA3-21D5-E3BCCADE5208}"/>
          </ac:spMkLst>
        </pc:spChg>
        <pc:spChg chg="add mod">
          <ac:chgData name="Nitsche, Rainer" userId="b0459796-2dba-4711-99d0-2635315bc4ac" providerId="ADAL" clId="{104A0FAD-1A32-46DF-B188-625334230143}" dt="2023-11-06T15:14:14.948" v="3382" actId="164"/>
          <ac:spMkLst>
            <pc:docMk/>
            <pc:sldMk cId="2611124692" sldId="2147375248"/>
            <ac:spMk id="172" creationId="{C8C959EA-6A55-FDD4-9D62-F8F44EF0A117}"/>
          </ac:spMkLst>
        </pc:spChg>
        <pc:spChg chg="add mod">
          <ac:chgData name="Nitsche, Rainer" userId="b0459796-2dba-4711-99d0-2635315bc4ac" providerId="ADAL" clId="{104A0FAD-1A32-46DF-B188-625334230143}" dt="2023-11-06T15:14:23.651" v="3383" actId="164"/>
          <ac:spMkLst>
            <pc:docMk/>
            <pc:sldMk cId="2611124692" sldId="2147375248"/>
            <ac:spMk id="173" creationId="{61B6F8D5-7635-182B-43EB-648A3670DC14}"/>
          </ac:spMkLst>
        </pc:spChg>
        <pc:spChg chg="add mod">
          <ac:chgData name="Nitsche, Rainer" userId="b0459796-2dba-4711-99d0-2635315bc4ac" providerId="ADAL" clId="{104A0FAD-1A32-46DF-B188-625334230143}" dt="2023-11-06T15:14:23.651" v="3383" actId="164"/>
          <ac:spMkLst>
            <pc:docMk/>
            <pc:sldMk cId="2611124692" sldId="2147375248"/>
            <ac:spMk id="174" creationId="{20E7B59B-9D27-7634-636E-A1B5A715EE39}"/>
          </ac:spMkLst>
        </pc:spChg>
        <pc:spChg chg="mod">
          <ac:chgData name="Nitsche, Rainer" userId="b0459796-2dba-4711-99d0-2635315bc4ac" providerId="ADAL" clId="{104A0FAD-1A32-46DF-B188-625334230143}" dt="2023-11-06T15:14:43.897" v="3388" actId="20577"/>
          <ac:spMkLst>
            <pc:docMk/>
            <pc:sldMk cId="2611124692" sldId="2147375248"/>
            <ac:spMk id="178" creationId="{C78F28EB-53D5-F6C0-A151-C51B4019994D}"/>
          </ac:spMkLst>
        </pc:spChg>
        <pc:spChg chg="mod">
          <ac:chgData name="Nitsche, Rainer" userId="b0459796-2dba-4711-99d0-2635315bc4ac" providerId="ADAL" clId="{104A0FAD-1A32-46DF-B188-625334230143}" dt="2023-11-06T15:14:31.609" v="3385"/>
          <ac:spMkLst>
            <pc:docMk/>
            <pc:sldMk cId="2611124692" sldId="2147375248"/>
            <ac:spMk id="179" creationId="{2FDC2D40-5315-CB0C-CED3-6F6D22440700}"/>
          </ac:spMkLst>
        </pc:spChg>
        <pc:spChg chg="mod">
          <ac:chgData name="Nitsche, Rainer" userId="b0459796-2dba-4711-99d0-2635315bc4ac" providerId="ADAL" clId="{104A0FAD-1A32-46DF-B188-625334230143}" dt="2023-11-07T07:08:06.007" v="4236" actId="1076"/>
          <ac:spMkLst>
            <pc:docMk/>
            <pc:sldMk cId="2611124692" sldId="2147375248"/>
            <ac:spMk id="181" creationId="{E18ADABE-02C2-D8B4-CFA4-DE86636FFB54}"/>
          </ac:spMkLst>
        </pc:spChg>
        <pc:spChg chg="mod">
          <ac:chgData name="Nitsche, Rainer" userId="b0459796-2dba-4711-99d0-2635315bc4ac" providerId="ADAL" clId="{104A0FAD-1A32-46DF-B188-625334230143}" dt="2023-11-07T07:07:31.288" v="4232" actId="1076"/>
          <ac:spMkLst>
            <pc:docMk/>
            <pc:sldMk cId="2611124692" sldId="2147375248"/>
            <ac:spMk id="182" creationId="{63E4AAA9-4F35-BB29-B269-BB3C31150637}"/>
          </ac:spMkLst>
        </pc:spChg>
        <pc:grpChg chg="add mod">
          <ac:chgData name="Nitsche, Rainer" userId="b0459796-2dba-4711-99d0-2635315bc4ac" providerId="ADAL" clId="{104A0FAD-1A32-46DF-B188-625334230143}" dt="2023-11-06T13:04:49.199" v="1987" actId="164"/>
          <ac:grpSpMkLst>
            <pc:docMk/>
            <pc:sldMk cId="2611124692" sldId="2147375248"/>
            <ac:grpSpMk id="30" creationId="{FA5ADF75-4FFF-EC68-14E3-AEB467A9C07A}"/>
          </ac:grpSpMkLst>
        </pc:grpChg>
        <pc:grpChg chg="add mod">
          <ac:chgData name="Nitsche, Rainer" userId="b0459796-2dba-4711-99d0-2635315bc4ac" providerId="ADAL" clId="{104A0FAD-1A32-46DF-B188-625334230143}" dt="2023-11-06T13:06:11.970" v="1995" actId="164"/>
          <ac:grpSpMkLst>
            <pc:docMk/>
            <pc:sldMk cId="2611124692" sldId="2147375248"/>
            <ac:grpSpMk id="44" creationId="{D7F10159-4122-D01B-9482-DBB17871B878}"/>
          </ac:grpSpMkLst>
        </pc:grpChg>
        <pc:grpChg chg="add mod">
          <ac:chgData name="Nitsche, Rainer" userId="b0459796-2dba-4711-99d0-2635315bc4ac" providerId="ADAL" clId="{104A0FAD-1A32-46DF-B188-625334230143}" dt="2023-11-06T14:09:16.177" v="2262" actId="164"/>
          <ac:grpSpMkLst>
            <pc:docMk/>
            <pc:sldMk cId="2611124692" sldId="2147375248"/>
            <ac:grpSpMk id="46" creationId="{1024150D-4056-4134-6363-F94681399CD5}"/>
          </ac:grpSpMkLst>
        </pc:grpChg>
        <pc:grpChg chg="add mod">
          <ac:chgData name="Nitsche, Rainer" userId="b0459796-2dba-4711-99d0-2635315bc4ac" providerId="ADAL" clId="{104A0FAD-1A32-46DF-B188-625334230143}" dt="2023-11-06T14:09:34.122" v="2302" actId="164"/>
          <ac:grpSpMkLst>
            <pc:docMk/>
            <pc:sldMk cId="2611124692" sldId="2147375248"/>
            <ac:grpSpMk id="96" creationId="{CFB69AFA-C755-9D84-4E1D-5806849E9FF1}"/>
          </ac:grpSpMkLst>
        </pc:grpChg>
        <pc:grpChg chg="add mod">
          <ac:chgData name="Nitsche, Rainer" userId="b0459796-2dba-4711-99d0-2635315bc4ac" providerId="ADAL" clId="{104A0FAD-1A32-46DF-B188-625334230143}" dt="2023-11-06T15:18:11.956" v="3455" actId="1036"/>
          <ac:grpSpMkLst>
            <pc:docMk/>
            <pc:sldMk cId="2611124692" sldId="2147375248"/>
            <ac:grpSpMk id="97" creationId="{454A3421-412F-6665-67A5-2C67CDE954C9}"/>
          </ac:grpSpMkLst>
        </pc:grpChg>
        <pc:grpChg chg="add mod">
          <ac:chgData name="Nitsche, Rainer" userId="b0459796-2dba-4711-99d0-2635315bc4ac" providerId="ADAL" clId="{104A0FAD-1A32-46DF-B188-625334230143}" dt="2023-11-06T15:18:11.956" v="3455" actId="1036"/>
          <ac:grpSpMkLst>
            <pc:docMk/>
            <pc:sldMk cId="2611124692" sldId="2147375248"/>
            <ac:grpSpMk id="175" creationId="{8D9973AE-70B8-C262-5538-2569D2871E16}"/>
          </ac:grpSpMkLst>
        </pc:grpChg>
        <pc:grpChg chg="add mod">
          <ac:chgData name="Nitsche, Rainer" userId="b0459796-2dba-4711-99d0-2635315bc4ac" providerId="ADAL" clId="{104A0FAD-1A32-46DF-B188-625334230143}" dt="2023-11-06T15:18:11.956" v="3455" actId="1036"/>
          <ac:grpSpMkLst>
            <pc:docMk/>
            <pc:sldMk cId="2611124692" sldId="2147375248"/>
            <ac:grpSpMk id="176" creationId="{C39B81C8-B30B-05D1-BC14-DAD3F09FA282}"/>
          </ac:grpSpMkLst>
        </pc:grpChg>
        <pc:grpChg chg="add mod">
          <ac:chgData name="Nitsche, Rainer" userId="b0459796-2dba-4711-99d0-2635315bc4ac" providerId="ADAL" clId="{104A0FAD-1A32-46DF-B188-625334230143}" dt="2023-11-06T15:18:11.956" v="3455" actId="1036"/>
          <ac:grpSpMkLst>
            <pc:docMk/>
            <pc:sldMk cId="2611124692" sldId="2147375248"/>
            <ac:grpSpMk id="177" creationId="{289F294D-B123-7673-8CED-473EA4D525A7}"/>
          </ac:grpSpMkLst>
        </pc:grpChg>
        <pc:grpChg chg="add mod">
          <ac:chgData name="Nitsche, Rainer" userId="b0459796-2dba-4711-99d0-2635315bc4ac" providerId="ADAL" clId="{104A0FAD-1A32-46DF-B188-625334230143}" dt="2023-11-07T07:08:14.211" v="4237" actId="1076"/>
          <ac:grpSpMkLst>
            <pc:docMk/>
            <pc:sldMk cId="2611124692" sldId="2147375248"/>
            <ac:grpSpMk id="180" creationId="{AB5991F5-7DEE-9361-546E-D1CC83490078}"/>
          </ac:grpSpMkLst>
        </pc:grpChg>
        <pc:picChg chg="del">
          <ac:chgData name="Nitsche, Rainer" userId="b0459796-2dba-4711-99d0-2635315bc4ac" providerId="ADAL" clId="{104A0FAD-1A32-46DF-B188-625334230143}" dt="2023-11-06T12:48:55.279" v="1632" actId="478"/>
          <ac:picMkLst>
            <pc:docMk/>
            <pc:sldMk cId="2611124692" sldId="2147375248"/>
            <ac:picMk id="19" creationId="{4A3D2F42-0F51-137C-16C3-1A337C80359D}"/>
          </ac:picMkLst>
        </pc:picChg>
        <pc:picChg chg="mod replST">
          <ac:chgData name="Nitsche, Rainer" userId="b0459796-2dba-4711-99d0-2635315bc4ac" providerId="ADAL" clId="{104A0FAD-1A32-46DF-B188-625334230143}" dt="2023-11-06T13:05:39.700" v="1991" actId="692"/>
          <ac:picMkLst>
            <pc:docMk/>
            <pc:sldMk cId="2611124692" sldId="2147375248"/>
            <ac:picMk id="40" creationId="{2149BEB7-445F-1CCE-D5C0-CFB5651667AA}"/>
          </ac:picMkLst>
        </pc:picChg>
        <pc:picChg chg="add del mod">
          <ac:chgData name="Nitsche, Rainer" userId="b0459796-2dba-4711-99d0-2635315bc4ac" providerId="ADAL" clId="{104A0FAD-1A32-46DF-B188-625334230143}" dt="2023-11-06T13:04:26.105" v="1984" actId="478"/>
          <ac:picMkLst>
            <pc:docMk/>
            <pc:sldMk cId="2611124692" sldId="2147375248"/>
            <ac:picMk id="41" creationId="{2E8E332F-5B86-794C-A742-F7AC1C188899}"/>
          </ac:picMkLst>
        </pc:picChg>
        <pc:picChg chg="mod ord replST">
          <ac:chgData name="Nitsche, Rainer" userId="b0459796-2dba-4711-99d0-2635315bc4ac" providerId="ADAL" clId="{104A0FAD-1A32-46DF-B188-625334230143}" dt="2023-11-06T13:05:39.700" v="1991" actId="692"/>
          <ac:picMkLst>
            <pc:docMk/>
            <pc:sldMk cId="2611124692" sldId="2147375248"/>
            <ac:picMk id="43" creationId="{FD5017CA-DD4F-5393-B61F-DAA81FF9177F}"/>
          </ac:picMkLst>
        </pc:picChg>
        <pc:picChg chg="add del mod">
          <ac:chgData name="Nitsche, Rainer" userId="b0459796-2dba-4711-99d0-2635315bc4ac" providerId="ADAL" clId="{104A0FAD-1A32-46DF-B188-625334230143}" dt="2023-11-06T13:16:15.818" v="2175" actId="478"/>
          <ac:picMkLst>
            <pc:docMk/>
            <pc:sldMk cId="2611124692" sldId="2147375248"/>
            <ac:picMk id="68" creationId="{31BF5DE6-9B4F-02D9-E000-5D247B9F2CC7}"/>
          </ac:picMkLst>
        </pc:picChg>
        <pc:picChg chg="add del mod">
          <ac:chgData name="Nitsche, Rainer" userId="b0459796-2dba-4711-99d0-2635315bc4ac" providerId="ADAL" clId="{104A0FAD-1A32-46DF-B188-625334230143}" dt="2023-11-06T13:34:15.846" v="2182" actId="478"/>
          <ac:picMkLst>
            <pc:docMk/>
            <pc:sldMk cId="2611124692" sldId="2147375248"/>
            <ac:picMk id="70" creationId="{185CB148-CBC2-9A0B-8089-66CEF7F4E7B1}"/>
          </ac:picMkLst>
        </pc:picChg>
        <pc:picChg chg="add del mod">
          <ac:chgData name="Nitsche, Rainer" userId="b0459796-2dba-4711-99d0-2635315bc4ac" providerId="ADAL" clId="{104A0FAD-1A32-46DF-B188-625334230143}" dt="2023-11-06T13:35:23.329" v="2187" actId="478"/>
          <ac:picMkLst>
            <pc:docMk/>
            <pc:sldMk cId="2611124692" sldId="2147375248"/>
            <ac:picMk id="72" creationId="{6EAC6898-8DD5-69E4-98F9-9160C57ACAC2}"/>
          </ac:picMkLst>
        </pc:picChg>
        <pc:picChg chg="add del mod">
          <ac:chgData name="Nitsche, Rainer" userId="b0459796-2dba-4711-99d0-2635315bc4ac" providerId="ADAL" clId="{104A0FAD-1A32-46DF-B188-625334230143}" dt="2023-11-06T13:51:04.763" v="2219" actId="478"/>
          <ac:picMkLst>
            <pc:docMk/>
            <pc:sldMk cId="2611124692" sldId="2147375248"/>
            <ac:picMk id="74" creationId="{46461E34-1337-A108-E1BF-2E7035916D07}"/>
          </ac:picMkLst>
        </pc:picChg>
        <pc:picChg chg="add del mod">
          <ac:chgData name="Nitsche, Rainer" userId="b0459796-2dba-4711-99d0-2635315bc4ac" providerId="ADAL" clId="{104A0FAD-1A32-46DF-B188-625334230143}" dt="2023-11-06T13:42:44.476" v="2204" actId="478"/>
          <ac:picMkLst>
            <pc:docMk/>
            <pc:sldMk cId="2611124692" sldId="2147375248"/>
            <ac:picMk id="76" creationId="{28C92550-4642-AE66-351E-EE1C8F84F658}"/>
          </ac:picMkLst>
        </pc:picChg>
        <pc:picChg chg="add del mod">
          <ac:chgData name="Nitsche, Rainer" userId="b0459796-2dba-4711-99d0-2635315bc4ac" providerId="ADAL" clId="{104A0FAD-1A32-46DF-B188-625334230143}" dt="2023-11-06T13:51:12.326" v="2221" actId="478"/>
          <ac:picMkLst>
            <pc:docMk/>
            <pc:sldMk cId="2611124692" sldId="2147375248"/>
            <ac:picMk id="78" creationId="{11B6A5D6-0809-3F1E-84B7-0E7DBD17998A}"/>
          </ac:picMkLst>
        </pc:picChg>
        <pc:picChg chg="add del mod">
          <ac:chgData name="Nitsche, Rainer" userId="b0459796-2dba-4711-99d0-2635315bc4ac" providerId="ADAL" clId="{104A0FAD-1A32-46DF-B188-625334230143}" dt="2023-11-06T13:51:39.306" v="2228" actId="478"/>
          <ac:picMkLst>
            <pc:docMk/>
            <pc:sldMk cId="2611124692" sldId="2147375248"/>
            <ac:picMk id="80" creationId="{4B107673-C762-ADDB-D509-A76ECEB0F546}"/>
          </ac:picMkLst>
        </pc:picChg>
        <pc:picChg chg="add mod">
          <ac:chgData name="Nitsche, Rainer" userId="b0459796-2dba-4711-99d0-2635315bc4ac" providerId="ADAL" clId="{104A0FAD-1A32-46DF-B188-625334230143}" dt="2023-11-06T14:09:16.177" v="2262" actId="164"/>
          <ac:picMkLst>
            <pc:docMk/>
            <pc:sldMk cId="2611124692" sldId="2147375248"/>
            <ac:picMk id="82" creationId="{8C957173-D621-CE16-D2AF-3EB5782D6519}"/>
          </ac:picMkLst>
        </pc:picChg>
        <pc:picChg chg="add mod">
          <ac:chgData name="Nitsche, Rainer" userId="b0459796-2dba-4711-99d0-2635315bc4ac" providerId="ADAL" clId="{104A0FAD-1A32-46DF-B188-625334230143}" dt="2023-11-06T14:09:16.177" v="2262" actId="164"/>
          <ac:picMkLst>
            <pc:docMk/>
            <pc:sldMk cId="2611124692" sldId="2147375248"/>
            <ac:picMk id="84" creationId="{B9AC232C-9B49-9EFF-4231-43D209A78955}"/>
          </ac:picMkLst>
        </pc:picChg>
        <pc:picChg chg="add mod">
          <ac:chgData name="Nitsche, Rainer" userId="b0459796-2dba-4711-99d0-2635315bc4ac" providerId="ADAL" clId="{104A0FAD-1A32-46DF-B188-625334230143}" dt="2023-11-06T14:09:16.177" v="2262" actId="164"/>
          <ac:picMkLst>
            <pc:docMk/>
            <pc:sldMk cId="2611124692" sldId="2147375248"/>
            <ac:picMk id="86" creationId="{A483DCB5-64D6-9973-82BA-E8C10209A317}"/>
          </ac:picMkLst>
        </pc:picChg>
        <pc:picChg chg="add mod">
          <ac:chgData name="Nitsche, Rainer" userId="b0459796-2dba-4711-99d0-2635315bc4ac" providerId="ADAL" clId="{104A0FAD-1A32-46DF-B188-625334230143}" dt="2023-11-06T14:09:16.177" v="2262" actId="164"/>
          <ac:picMkLst>
            <pc:docMk/>
            <pc:sldMk cId="2611124692" sldId="2147375248"/>
            <ac:picMk id="90" creationId="{F99C1C39-EACE-FAD1-28C4-D4F0CE32DCDB}"/>
          </ac:picMkLst>
        </pc:picChg>
        <pc:picChg chg="del mod replST">
          <ac:chgData name="Nitsche, Rainer" userId="b0459796-2dba-4711-99d0-2635315bc4ac" providerId="ADAL" clId="{104A0FAD-1A32-46DF-B188-625334230143}" dt="2023-11-06T14:18:14.681" v="2704" actId="478"/>
          <ac:picMkLst>
            <pc:docMk/>
            <pc:sldMk cId="2611124692" sldId="2147375248"/>
            <ac:picMk id="104" creationId="{1E1A0D70-D0AB-B80D-4B61-358F85C24D78}"/>
          </ac:picMkLst>
        </pc:picChg>
        <pc:picChg chg="del mod ord replST">
          <ac:chgData name="Nitsche, Rainer" userId="b0459796-2dba-4711-99d0-2635315bc4ac" providerId="ADAL" clId="{104A0FAD-1A32-46DF-B188-625334230143}" dt="2023-11-06T14:18:50.859" v="2732" actId="478"/>
          <ac:picMkLst>
            <pc:docMk/>
            <pc:sldMk cId="2611124692" sldId="2147375248"/>
            <ac:picMk id="106" creationId="{DCBF02DF-A245-FF7D-0CF0-3657AAEA412F}"/>
          </ac:picMkLst>
        </pc:picChg>
        <pc:picChg chg="del mod ord replST">
          <ac:chgData name="Nitsche, Rainer" userId="b0459796-2dba-4711-99d0-2635315bc4ac" providerId="ADAL" clId="{104A0FAD-1A32-46DF-B188-625334230143}" dt="2023-11-06T14:19:33.701" v="2759" actId="478"/>
          <ac:picMkLst>
            <pc:docMk/>
            <pc:sldMk cId="2611124692" sldId="2147375248"/>
            <ac:picMk id="108" creationId="{9B39AD5F-CB5D-1E3B-7A4A-6DEF5460190A}"/>
          </ac:picMkLst>
        </pc:picChg>
        <pc:picChg chg="del mod ord replST">
          <ac:chgData name="Nitsche, Rainer" userId="b0459796-2dba-4711-99d0-2635315bc4ac" providerId="ADAL" clId="{104A0FAD-1A32-46DF-B188-625334230143}" dt="2023-11-06T14:19:58.552" v="2785" actId="478"/>
          <ac:picMkLst>
            <pc:docMk/>
            <pc:sldMk cId="2611124692" sldId="2147375248"/>
            <ac:picMk id="110" creationId="{FA3822D2-3D14-E547-DB62-CBE1148FAEE1}"/>
          </ac:picMkLst>
        </pc:picChg>
        <pc:picChg chg="del mod ord replST">
          <ac:chgData name="Nitsche, Rainer" userId="b0459796-2dba-4711-99d0-2635315bc4ac" providerId="ADAL" clId="{104A0FAD-1A32-46DF-B188-625334230143}" dt="2023-11-06T14:20:10.251" v="2812" actId="478"/>
          <ac:picMkLst>
            <pc:docMk/>
            <pc:sldMk cId="2611124692" sldId="2147375248"/>
            <ac:picMk id="112" creationId="{79FD9E46-4581-6D4D-67AE-BDACB06C239B}"/>
          </ac:picMkLst>
        </pc:picChg>
        <pc:picChg chg="mod ord replST">
          <ac:chgData name="Nitsche, Rainer" userId="b0459796-2dba-4711-99d0-2635315bc4ac" providerId="ADAL" clId="{104A0FAD-1A32-46DF-B188-625334230143}" dt="2023-11-06T15:18:11.956" v="3455" actId="1036"/>
          <ac:picMkLst>
            <pc:docMk/>
            <pc:sldMk cId="2611124692" sldId="2147375248"/>
            <ac:picMk id="114" creationId="{F5CFC098-9DF2-36A3-6F53-78C4C0591851}"/>
          </ac:picMkLst>
        </pc:picChg>
        <pc:picChg chg="add del mod">
          <ac:chgData name="Nitsche, Rainer" userId="b0459796-2dba-4711-99d0-2635315bc4ac" providerId="ADAL" clId="{104A0FAD-1A32-46DF-B188-625334230143}" dt="2023-11-06T14:22:47.453" v="2896" actId="478"/>
          <ac:picMkLst>
            <pc:docMk/>
            <pc:sldMk cId="2611124692" sldId="2147375248"/>
            <ac:picMk id="125" creationId="{760E1DC2-D0C7-7C43-CB8D-FCEA6FC55EA4}"/>
          </ac:picMkLst>
        </pc:picChg>
        <pc:picChg chg="mod ord replST">
          <ac:chgData name="Nitsche, Rainer" userId="b0459796-2dba-4711-99d0-2635315bc4ac" providerId="ADAL" clId="{104A0FAD-1A32-46DF-B188-625334230143}" dt="2023-11-06T15:18:11.956" v="3455" actId="1036"/>
          <ac:picMkLst>
            <pc:docMk/>
            <pc:sldMk cId="2611124692" sldId="2147375248"/>
            <ac:picMk id="127" creationId="{D1344CB6-9778-8329-D691-AB6ADABE729F}"/>
          </ac:picMkLst>
        </pc:picChg>
        <pc:picChg chg="add del mod">
          <ac:chgData name="Nitsche, Rainer" userId="b0459796-2dba-4711-99d0-2635315bc4ac" providerId="ADAL" clId="{104A0FAD-1A32-46DF-B188-625334230143}" dt="2023-11-06T14:30:56.087" v="2978" actId="478"/>
          <ac:picMkLst>
            <pc:docMk/>
            <pc:sldMk cId="2611124692" sldId="2147375248"/>
            <ac:picMk id="132" creationId="{E9910349-C34D-6860-12D0-2C912DA05545}"/>
          </ac:picMkLst>
        </pc:picChg>
        <pc:picChg chg="add del mod">
          <ac:chgData name="Nitsche, Rainer" userId="b0459796-2dba-4711-99d0-2635315bc4ac" providerId="ADAL" clId="{104A0FAD-1A32-46DF-B188-625334230143}" dt="2023-11-06T14:33:15.427" v="3117" actId="478"/>
          <ac:picMkLst>
            <pc:docMk/>
            <pc:sldMk cId="2611124692" sldId="2147375248"/>
            <ac:picMk id="136" creationId="{6F0A29C2-D65C-6BB7-85A7-4CF7BEF0FDCD}"/>
          </ac:picMkLst>
        </pc:picChg>
        <pc:picChg chg="mod ord replST">
          <ac:chgData name="Nitsche, Rainer" userId="b0459796-2dba-4711-99d0-2635315bc4ac" providerId="ADAL" clId="{104A0FAD-1A32-46DF-B188-625334230143}" dt="2023-11-06T15:18:11.956" v="3455" actId="1036"/>
          <ac:picMkLst>
            <pc:docMk/>
            <pc:sldMk cId="2611124692" sldId="2147375248"/>
            <ac:picMk id="140" creationId="{95DA1D64-2C64-0A93-6694-069FA5A5DD2D}"/>
          </ac:picMkLst>
        </pc:picChg>
        <pc:picChg chg="mod ord replST">
          <ac:chgData name="Nitsche, Rainer" userId="b0459796-2dba-4711-99d0-2635315bc4ac" providerId="ADAL" clId="{104A0FAD-1A32-46DF-B188-625334230143}" dt="2023-11-06T15:18:11.956" v="3455" actId="1036"/>
          <ac:picMkLst>
            <pc:docMk/>
            <pc:sldMk cId="2611124692" sldId="2147375248"/>
            <ac:picMk id="146" creationId="{C93DE0D6-2F53-07C4-A0AD-F0202A541180}"/>
          </ac:picMkLst>
        </pc:picChg>
        <pc:picChg chg="add mod">
          <ac:chgData name="Nitsche, Rainer" userId="b0459796-2dba-4711-99d0-2635315bc4ac" providerId="ADAL" clId="{104A0FAD-1A32-46DF-B188-625334230143}" dt="2023-11-07T07:07:02.914" v="4229" actId="1076"/>
          <ac:picMkLst>
            <pc:docMk/>
            <pc:sldMk cId="2611124692" sldId="2147375248"/>
            <ac:picMk id="147" creationId="{E8296150-0B50-BB0F-A602-AA86F14D20C7}"/>
          </ac:picMkLst>
        </pc:picChg>
        <pc:picChg chg="add del mod">
          <ac:chgData name="Nitsche, Rainer" userId="b0459796-2dba-4711-99d0-2635315bc4ac" providerId="ADAL" clId="{104A0FAD-1A32-46DF-B188-625334230143}" dt="2023-11-06T14:56:40.715" v="3332" actId="478"/>
          <ac:picMkLst>
            <pc:docMk/>
            <pc:sldMk cId="2611124692" sldId="2147375248"/>
            <ac:picMk id="148" creationId="{5A971D76-8925-CEBB-6E60-7577D8B5F975}"/>
          </ac:picMkLst>
        </pc:picChg>
        <pc:picChg chg="add mod">
          <ac:chgData name="Nitsche, Rainer" userId="b0459796-2dba-4711-99d0-2635315bc4ac" providerId="ADAL" clId="{104A0FAD-1A32-46DF-B188-625334230143}" dt="2023-11-06T15:18:11.956" v="3455" actId="1036"/>
          <ac:picMkLst>
            <pc:docMk/>
            <pc:sldMk cId="2611124692" sldId="2147375248"/>
            <ac:picMk id="153" creationId="{88D6E303-D085-71F7-4840-683349B1A805}"/>
          </ac:picMkLst>
        </pc:picChg>
        <pc:picChg chg="add del mod">
          <ac:chgData name="Nitsche, Rainer" userId="b0459796-2dba-4711-99d0-2635315bc4ac" providerId="ADAL" clId="{104A0FAD-1A32-46DF-B188-625334230143}" dt="2023-11-06T14:56:04.814" v="3331" actId="478"/>
          <ac:picMkLst>
            <pc:docMk/>
            <pc:sldMk cId="2611124692" sldId="2147375248"/>
            <ac:picMk id="164" creationId="{891CE397-5EA0-FAD4-4F55-37884822F324}"/>
          </ac:picMkLst>
        </pc:picChg>
        <pc:picChg chg="add del mod">
          <ac:chgData name="Nitsche, Rainer" userId="b0459796-2dba-4711-99d0-2635315bc4ac" providerId="ADAL" clId="{104A0FAD-1A32-46DF-B188-625334230143}" dt="2023-11-06T14:57:03.701" v="3339" actId="478"/>
          <ac:picMkLst>
            <pc:docMk/>
            <pc:sldMk cId="2611124692" sldId="2147375248"/>
            <ac:picMk id="166" creationId="{D027CEE0-B150-C73D-2DE3-BD223DC48316}"/>
          </ac:picMkLst>
        </pc:picChg>
        <pc:picChg chg="add mod">
          <ac:chgData name="Nitsche, Rainer" userId="b0459796-2dba-4711-99d0-2635315bc4ac" providerId="ADAL" clId="{104A0FAD-1A32-46DF-B188-625334230143}" dt="2023-11-06T15:18:11.956" v="3455" actId="1036"/>
          <ac:picMkLst>
            <pc:docMk/>
            <pc:sldMk cId="2611124692" sldId="2147375248"/>
            <ac:picMk id="168" creationId="{1C75F2E3-6297-6FD7-89BB-2ED0BDE41560}"/>
          </ac:picMkLst>
        </pc:pic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8" creationId="{9A2489CC-0F84-F3A1-1FBF-7B44E387F100}"/>
          </ac:cxnSpMkLst>
        </pc:cxnChg>
        <pc:cxnChg chg="add mod">
          <ac:chgData name="Nitsche, Rainer" userId="b0459796-2dba-4711-99d0-2635315bc4ac" providerId="ADAL" clId="{104A0FAD-1A32-46DF-B188-625334230143}" dt="2023-11-06T15:19:54.301" v="3487" actId="1037"/>
          <ac:cxnSpMkLst>
            <pc:docMk/>
            <pc:sldMk cId="2611124692" sldId="2147375248"/>
            <ac:cxnSpMk id="20" creationId="{5D718376-DF4F-CE1F-F7AB-1E0A2D7BB53C}"/>
          </ac:cxnSpMkLst>
        </pc:cxnChg>
        <pc:cxnChg chg="add mod">
          <ac:chgData name="Nitsche, Rainer" userId="b0459796-2dba-4711-99d0-2635315bc4ac" providerId="ADAL" clId="{104A0FAD-1A32-46DF-B188-625334230143}" dt="2023-11-07T07:03:16.652" v="4082" actId="692"/>
          <ac:cxnSpMkLst>
            <pc:docMk/>
            <pc:sldMk cId="2611124692" sldId="2147375248"/>
            <ac:cxnSpMk id="25" creationId="{6C9F411B-32CA-AE3C-1CA3-2D12729B7D70}"/>
          </ac:cxnSpMkLst>
        </pc:cxnChg>
        <pc:cxnChg chg="add mod">
          <ac:chgData name="Nitsche, Rainer" userId="b0459796-2dba-4711-99d0-2635315bc4ac" providerId="ADAL" clId="{104A0FAD-1A32-46DF-B188-625334230143}" dt="2023-11-06T13:05:39.700" v="1991" actId="692"/>
          <ac:cxnSpMkLst>
            <pc:docMk/>
            <pc:sldMk cId="2611124692" sldId="2147375248"/>
            <ac:cxnSpMk id="27" creationId="{BABF6217-686C-7861-D8FC-80E4C9D440C6}"/>
          </ac:cxnSpMkLst>
        </pc:cxnChg>
        <pc:cxnChg chg="add mod">
          <ac:chgData name="Nitsche, Rainer" userId="b0459796-2dba-4711-99d0-2635315bc4ac" providerId="ADAL" clId="{104A0FAD-1A32-46DF-B188-625334230143}" dt="2023-11-06T13:05:39.700" v="1991" actId="692"/>
          <ac:cxnSpMkLst>
            <pc:docMk/>
            <pc:sldMk cId="2611124692" sldId="2147375248"/>
            <ac:cxnSpMk id="29" creationId="{FA595079-1E5B-A763-8145-72B296C0FA0E}"/>
          </ac:cxnSpMkLst>
        </pc:cxnChg>
        <pc:cxnChg chg="add mod">
          <ac:chgData name="Nitsche, Rainer" userId="b0459796-2dba-4711-99d0-2635315bc4ac" providerId="ADAL" clId="{104A0FAD-1A32-46DF-B188-625334230143}" dt="2023-11-06T13:05:39.700" v="1991" actId="692"/>
          <ac:cxnSpMkLst>
            <pc:docMk/>
            <pc:sldMk cId="2611124692" sldId="2147375248"/>
            <ac:cxnSpMk id="32" creationId="{9CA227DD-2042-E2D4-9B00-3AED26D0F3A5}"/>
          </ac:cxnSpMkLst>
        </pc:cxnChg>
        <pc:cxnChg chg="add mod">
          <ac:chgData name="Nitsche, Rainer" userId="b0459796-2dba-4711-99d0-2635315bc4ac" providerId="ADAL" clId="{104A0FAD-1A32-46DF-B188-625334230143}" dt="2023-11-06T13:05:39.700" v="1991" actId="692"/>
          <ac:cxnSpMkLst>
            <pc:docMk/>
            <pc:sldMk cId="2611124692" sldId="2147375248"/>
            <ac:cxnSpMk id="34" creationId="{71152BAA-3BA9-FB80-1068-7BE2D5475E8C}"/>
          </ac:cxnSpMkLst>
        </pc:cxnChg>
        <pc:cxnChg chg="add mod">
          <ac:chgData name="Nitsche, Rainer" userId="b0459796-2dba-4711-99d0-2635315bc4ac" providerId="ADAL" clId="{104A0FAD-1A32-46DF-B188-625334230143}" dt="2023-11-06T13:05:39.700" v="1991" actId="692"/>
          <ac:cxnSpMkLst>
            <pc:docMk/>
            <pc:sldMk cId="2611124692" sldId="2147375248"/>
            <ac:cxnSpMk id="36" creationId="{6FB66A5D-83A6-B669-8EEC-50F789DF377A}"/>
          </ac:cxnSpMkLst>
        </pc:cxnChg>
        <pc:cxnChg chg="add mod">
          <ac:chgData name="Nitsche, Rainer" userId="b0459796-2dba-4711-99d0-2635315bc4ac" providerId="ADAL" clId="{104A0FAD-1A32-46DF-B188-625334230143}" dt="2023-11-06T13:05:39.700" v="1991" actId="692"/>
          <ac:cxnSpMkLst>
            <pc:docMk/>
            <pc:sldMk cId="2611124692" sldId="2147375248"/>
            <ac:cxnSpMk id="38" creationId="{C634D8FE-273C-5779-9713-A2338C6362C7}"/>
          </ac:cxnSpMkLst>
        </pc:cxnChg>
        <pc:cxnChg chg="add mod">
          <ac:chgData name="Nitsche, Rainer" userId="b0459796-2dba-4711-99d0-2635315bc4ac" providerId="ADAL" clId="{104A0FAD-1A32-46DF-B188-625334230143}" dt="2023-11-06T14:09:16.177" v="2262" actId="164"/>
          <ac:cxnSpMkLst>
            <pc:docMk/>
            <pc:sldMk cId="2611124692" sldId="2147375248"/>
            <ac:cxnSpMk id="49" creationId="{36550D43-7D1E-C071-221D-A68C3F5BF9D3}"/>
          </ac:cxnSpMkLst>
        </pc:cxnChg>
        <pc:cxnChg chg="add mod">
          <ac:chgData name="Nitsche, Rainer" userId="b0459796-2dba-4711-99d0-2635315bc4ac" providerId="ADAL" clId="{104A0FAD-1A32-46DF-B188-625334230143}" dt="2023-11-06T14:09:16.177" v="2262" actId="164"/>
          <ac:cxnSpMkLst>
            <pc:docMk/>
            <pc:sldMk cId="2611124692" sldId="2147375248"/>
            <ac:cxnSpMk id="51" creationId="{420DA71E-B0ED-A87D-16AF-9FF37F665CF3}"/>
          </ac:cxnSpMkLst>
        </pc:cxnChg>
        <pc:cxnChg chg="add mod">
          <ac:chgData name="Nitsche, Rainer" userId="b0459796-2dba-4711-99d0-2635315bc4ac" providerId="ADAL" clId="{104A0FAD-1A32-46DF-B188-625334230143}" dt="2023-11-07T07:03:22.327" v="4083" actId="692"/>
          <ac:cxnSpMkLst>
            <pc:docMk/>
            <pc:sldMk cId="2611124692" sldId="2147375248"/>
            <ac:cxnSpMk id="52" creationId="{B0C380F9-7FE6-89D0-8BFF-9CCFFB1287E0}"/>
          </ac:cxnSpMkLst>
        </pc:cxnChg>
        <pc:cxnChg chg="add mod">
          <ac:chgData name="Nitsche, Rainer" userId="b0459796-2dba-4711-99d0-2635315bc4ac" providerId="ADAL" clId="{104A0FAD-1A32-46DF-B188-625334230143}" dt="2023-11-06T14:09:16.177" v="2262" actId="164"/>
          <ac:cxnSpMkLst>
            <pc:docMk/>
            <pc:sldMk cId="2611124692" sldId="2147375248"/>
            <ac:cxnSpMk id="54" creationId="{401112BE-AE8A-8904-84A3-D372080FF487}"/>
          </ac:cxnSpMkLst>
        </pc:cxn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56" creationId="{A622192B-A1AA-8878-4FFD-6FAC9133331A}"/>
          </ac:cxnSpMkLst>
        </pc:cxnChg>
        <pc:cxnChg chg="add mod">
          <ac:chgData name="Nitsche, Rainer" userId="b0459796-2dba-4711-99d0-2635315bc4ac" providerId="ADAL" clId="{104A0FAD-1A32-46DF-B188-625334230143}" dt="2023-11-06T14:09:16.177" v="2262" actId="164"/>
          <ac:cxnSpMkLst>
            <pc:docMk/>
            <pc:sldMk cId="2611124692" sldId="2147375248"/>
            <ac:cxnSpMk id="58" creationId="{750A7A3E-7756-0C2A-B6D8-28E4DEACA5CB}"/>
          </ac:cxnSpMkLst>
        </pc:cxnChg>
        <pc:cxnChg chg="add mod">
          <ac:chgData name="Nitsche, Rainer" userId="b0459796-2dba-4711-99d0-2635315bc4ac" providerId="ADAL" clId="{104A0FAD-1A32-46DF-B188-625334230143}" dt="2023-11-06T14:09:16.177" v="2262" actId="164"/>
          <ac:cxnSpMkLst>
            <pc:docMk/>
            <pc:sldMk cId="2611124692" sldId="2147375248"/>
            <ac:cxnSpMk id="61" creationId="{E1528C1F-0E25-8466-DC28-9D57E346DA3A}"/>
          </ac:cxnSpMkLst>
        </pc:cxnChg>
        <pc:cxnChg chg="add mod">
          <ac:chgData name="Nitsche, Rainer" userId="b0459796-2dba-4711-99d0-2635315bc4ac" providerId="ADAL" clId="{104A0FAD-1A32-46DF-B188-625334230143}" dt="2023-11-06T14:09:16.177" v="2262" actId="164"/>
          <ac:cxnSpMkLst>
            <pc:docMk/>
            <pc:sldMk cId="2611124692" sldId="2147375248"/>
            <ac:cxnSpMk id="66" creationId="{9C748AFE-4289-37A6-9DEC-442A6ACED733}"/>
          </ac:cxnSpMkLst>
        </pc:cxnChg>
        <pc:cxnChg chg="add mod">
          <ac:chgData name="Nitsche, Rainer" userId="b0459796-2dba-4711-99d0-2635315bc4ac" providerId="ADAL" clId="{104A0FAD-1A32-46DF-B188-625334230143}" dt="2023-11-06T14:09:16.177" v="2262" actId="164"/>
          <ac:cxnSpMkLst>
            <pc:docMk/>
            <pc:sldMk cId="2611124692" sldId="2147375248"/>
            <ac:cxnSpMk id="88" creationId="{83287E8A-9436-5AF6-B08B-EFC652B2F075}"/>
          </ac:cxnSpMkLst>
        </pc:cxnChg>
        <pc:cxnChg chg="add mod">
          <ac:chgData name="Nitsche, Rainer" userId="b0459796-2dba-4711-99d0-2635315bc4ac" providerId="ADAL" clId="{104A0FAD-1A32-46DF-B188-625334230143}" dt="2023-11-06T14:09:16.177" v="2262" actId="164"/>
          <ac:cxnSpMkLst>
            <pc:docMk/>
            <pc:sldMk cId="2611124692" sldId="2147375248"/>
            <ac:cxnSpMk id="91" creationId="{B542AC0B-DE11-61E9-EA37-B5CC48EE4286}"/>
          </ac:cxnSpMkLst>
        </pc:cxnChg>
        <pc:cxnChg chg="add mod or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00" creationId="{22C82A1B-D6D7-C17E-FC81-A860D7CA8CEB}"/>
          </ac:cxnSpMkLst>
        </pc:cxn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16" creationId="{757EC926-B052-8B7E-7EAF-9B0BD4E33127}"/>
          </ac:cxnSpMkLst>
        </pc:cxn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22" creationId="{5F2A437C-48CA-F664-65C3-F8921757143A}"/>
          </ac:cxnSpMkLst>
        </pc:cxn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24" creationId="{0F986C88-1C45-3ED7-95F1-8AA4BDD5CED7}"/>
          </ac:cxnSpMkLst>
        </pc:cxnChg>
        <pc:cxnChg chg="add del mod">
          <ac:chgData name="Nitsche, Rainer" userId="b0459796-2dba-4711-99d0-2635315bc4ac" providerId="ADAL" clId="{104A0FAD-1A32-46DF-B188-625334230143}" dt="2023-11-06T14:30:07.356" v="2947" actId="478"/>
          <ac:cxnSpMkLst>
            <pc:docMk/>
            <pc:sldMk cId="2611124692" sldId="2147375248"/>
            <ac:cxnSpMk id="129" creationId="{D4167AF6-D202-F1C6-5FDA-F6A46EF89144}"/>
          </ac:cxnSpMkLst>
        </pc:cxn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33" creationId="{D18E0AB3-633E-2D88-F0F8-526FC3435DB1}"/>
          </ac:cxnSpMkLst>
        </pc:cxnChg>
        <pc:cxnChg chg="add del mod">
          <ac:chgData name="Nitsche, Rainer" userId="b0459796-2dba-4711-99d0-2635315bc4ac" providerId="ADAL" clId="{104A0FAD-1A32-46DF-B188-625334230143}" dt="2023-11-06T14:29:40.796" v="2935" actId="478"/>
          <ac:cxnSpMkLst>
            <pc:docMk/>
            <pc:sldMk cId="2611124692" sldId="2147375248"/>
            <ac:cxnSpMk id="134" creationId="{F727DE09-0F93-0849-E9AD-7CCCE2DE8DCF}"/>
          </ac:cxnSpMkLst>
        </pc:cxnChg>
        <pc:cxnChg chg="add del mod">
          <ac:chgData name="Nitsche, Rainer" userId="b0459796-2dba-4711-99d0-2635315bc4ac" providerId="ADAL" clId="{104A0FAD-1A32-46DF-B188-625334230143}" dt="2023-11-06T14:29:39.185" v="2934" actId="478"/>
          <ac:cxnSpMkLst>
            <pc:docMk/>
            <pc:sldMk cId="2611124692" sldId="2147375248"/>
            <ac:cxnSpMk id="135" creationId="{6070402C-5317-15C7-6E91-663E50E63316}"/>
          </ac:cxnSpMkLst>
        </pc:cxn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41" creationId="{5AA40948-92B4-967A-BBDA-0D8299FB3DBC}"/>
          </ac:cxnSpMkLst>
        </pc:cxn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42" creationId="{A73D5A85-7402-F778-9E19-C98B090EA375}"/>
          </ac:cxnSpMkLst>
        </pc:cxnChg>
        <pc:cxnChg chg="add mod">
          <ac:chgData name="Nitsche, Rainer" userId="b0459796-2dba-4711-99d0-2635315bc4ac" providerId="ADAL" clId="{104A0FAD-1A32-46DF-B188-625334230143}" dt="2023-11-07T07:07:02.914" v="4229" actId="1076"/>
          <ac:cxnSpMkLst>
            <pc:docMk/>
            <pc:sldMk cId="2611124692" sldId="2147375248"/>
            <ac:cxnSpMk id="150" creationId="{9F83B771-6FE1-10D3-85F6-4983A59149A6}"/>
          </ac:cxnSpMkLst>
        </pc:cxnChg>
        <pc:cxnChg chg="add del mod">
          <ac:chgData name="Nitsche, Rainer" userId="b0459796-2dba-4711-99d0-2635315bc4ac" providerId="ADAL" clId="{104A0FAD-1A32-46DF-B188-625334230143}" dt="2023-11-07T07:09:05.607" v="4243" actId="478"/>
          <ac:cxnSpMkLst>
            <pc:docMk/>
            <pc:sldMk cId="2611124692" sldId="2147375248"/>
            <ac:cxnSpMk id="151" creationId="{C763423D-C3DE-C32A-EED3-21E76DF8E487}"/>
          </ac:cxnSpMkLst>
        </pc:cxn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56" creationId="{C44642BC-FA44-6321-63BF-CACB0E91EB10}"/>
          </ac:cxnSpMkLst>
        </pc:cxn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57" creationId="{5451B348-493D-B9E3-72F3-FC05367DAE1E}"/>
          </ac:cxnSpMkLst>
        </pc:cxn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62" creationId="{2EDCD828-7008-31CB-90D6-CF6C43A5FD46}"/>
          </ac:cxnSpMkLst>
        </pc:cxnChg>
      </pc:sldChg>
      <pc:sldChg chg="addSp delSp modSp add mod">
        <pc:chgData name="Nitsche, Rainer" userId="b0459796-2dba-4711-99d0-2635315bc4ac" providerId="ADAL" clId="{104A0FAD-1A32-46DF-B188-625334230143}" dt="2023-11-07T12:20:01.086" v="5043" actId="1076"/>
        <pc:sldMkLst>
          <pc:docMk/>
          <pc:sldMk cId="2759062488" sldId="2147375249"/>
        </pc:sldMkLst>
        <pc:spChg chg="mod">
          <ac:chgData name="Nitsche, Rainer" userId="b0459796-2dba-4711-99d0-2635315bc4ac" providerId="ADAL" clId="{104A0FAD-1A32-46DF-B188-625334230143}" dt="2023-11-07T07:22:29.978" v="4450" actId="20577"/>
          <ac:spMkLst>
            <pc:docMk/>
            <pc:sldMk cId="2759062488" sldId="2147375249"/>
            <ac:spMk id="3" creationId="{9826E863-F1A7-B275-4975-8BD5DE7A556B}"/>
          </ac:spMkLst>
        </pc:spChg>
        <pc:spChg chg="add mod">
          <ac:chgData name="Nitsche, Rainer" userId="b0459796-2dba-4711-99d0-2635315bc4ac" providerId="ADAL" clId="{104A0FAD-1A32-46DF-B188-625334230143}" dt="2023-11-07T12:19:55.817" v="5042" actId="15"/>
          <ac:spMkLst>
            <pc:docMk/>
            <pc:sldMk cId="2759062488" sldId="2147375249"/>
            <ac:spMk id="5" creationId="{D940BFF9-81F7-BDD0-4BA0-50246D219F5F}"/>
          </ac:spMkLst>
        </pc:spChg>
        <pc:spChg chg="add mod">
          <ac:chgData name="Nitsche, Rainer" userId="b0459796-2dba-4711-99d0-2635315bc4ac" providerId="ADAL" clId="{104A0FAD-1A32-46DF-B188-625334230143}" dt="2023-11-07T07:26:15.483" v="4712" actId="1037"/>
          <ac:spMkLst>
            <pc:docMk/>
            <pc:sldMk cId="2759062488" sldId="2147375249"/>
            <ac:spMk id="16" creationId="{F95636F9-36DD-3C1A-9461-C09D9E28961D}"/>
          </ac:spMkLst>
        </pc:spChg>
        <pc:picChg chg="add mod">
          <ac:chgData name="Nitsche, Rainer" userId="b0459796-2dba-4711-99d0-2635315bc4ac" providerId="ADAL" clId="{104A0FAD-1A32-46DF-B188-625334230143}" dt="2023-11-07T12:20:01.086" v="5043" actId="1076"/>
          <ac:picMkLst>
            <pc:docMk/>
            <pc:sldMk cId="2759062488" sldId="2147375249"/>
            <ac:picMk id="18" creationId="{275AB276-0ACA-BD53-FBBF-54033F8ABF12}"/>
          </ac:picMkLst>
        </pc:picChg>
        <pc:picChg chg="del">
          <ac:chgData name="Nitsche, Rainer" userId="b0459796-2dba-4711-99d0-2635315bc4ac" providerId="ADAL" clId="{104A0FAD-1A32-46DF-B188-625334230143}" dt="2023-11-07T07:18:15.307" v="4384" actId="478"/>
          <ac:picMkLst>
            <pc:docMk/>
            <pc:sldMk cId="2759062488" sldId="2147375249"/>
            <ac:picMk id="19" creationId="{7CCC287A-1D72-500A-EA26-96874C2D6020}"/>
          </ac:picMkLst>
        </pc:picChg>
        <pc:picChg chg="del">
          <ac:chgData name="Nitsche, Rainer" userId="b0459796-2dba-4711-99d0-2635315bc4ac" providerId="ADAL" clId="{104A0FAD-1A32-46DF-B188-625334230143}" dt="2023-11-07T07:18:17.484" v="4385" actId="478"/>
          <ac:picMkLst>
            <pc:docMk/>
            <pc:sldMk cId="2759062488" sldId="2147375249"/>
            <ac:picMk id="21" creationId="{617AACF7-D451-887C-EC31-E44548AE88CC}"/>
          </ac:picMkLst>
        </pc:picChg>
      </pc:sldChg>
      <pc:sldChg chg="modSp add mod">
        <pc:chgData name="Nitsche, Rainer" userId="b0459796-2dba-4711-99d0-2635315bc4ac" providerId="ADAL" clId="{104A0FAD-1A32-46DF-B188-625334230143}" dt="2023-11-07T07:18:35.600" v="4394" actId="20577"/>
        <pc:sldMkLst>
          <pc:docMk/>
          <pc:sldMk cId="1981537799" sldId="2147375250"/>
        </pc:sldMkLst>
        <pc:spChg chg="mod">
          <ac:chgData name="Nitsche, Rainer" userId="b0459796-2dba-4711-99d0-2635315bc4ac" providerId="ADAL" clId="{104A0FAD-1A32-46DF-B188-625334230143}" dt="2023-11-07T07:18:35.600" v="4394" actId="20577"/>
          <ac:spMkLst>
            <pc:docMk/>
            <pc:sldMk cId="1981537799" sldId="2147375250"/>
            <ac:spMk id="3" creationId="{9826E863-F1A7-B275-4975-8BD5DE7A556B}"/>
          </ac:spMkLst>
        </pc:spChg>
      </pc:sldChg>
      <pc:sldMasterChg chg="modSp mod">
        <pc:chgData name="Nitsche, Rainer" userId="b0459796-2dba-4711-99d0-2635315bc4ac" providerId="ADAL" clId="{104A0FAD-1A32-46DF-B188-625334230143}" dt="2023-10-26T06:18:12.139" v="1499" actId="20577"/>
        <pc:sldMasterMkLst>
          <pc:docMk/>
          <pc:sldMasterMk cId="0" sldId="2147483658"/>
        </pc:sldMasterMkLst>
        <pc:spChg chg="mod">
          <ac:chgData name="Nitsche, Rainer" userId="b0459796-2dba-4711-99d0-2635315bc4ac" providerId="ADAL" clId="{104A0FAD-1A32-46DF-B188-625334230143}" dt="2023-10-26T06:18:12.132" v="1494" actId="20577"/>
          <ac:spMkLst>
            <pc:docMk/>
            <pc:sldMasterMk cId="0" sldId="2147483658"/>
            <ac:spMk id="16" creationId="{00000000-0000-0000-0000-000000000000}"/>
          </ac:spMkLst>
        </pc:spChg>
        <pc:spChg chg="mod">
          <ac:chgData name="Nitsche, Rainer" userId="b0459796-2dba-4711-99d0-2635315bc4ac" providerId="ADAL" clId="{104A0FAD-1A32-46DF-B188-625334230143}" dt="2023-10-26T06:18:12.134" v="1495" actId="20577"/>
          <ac:spMkLst>
            <pc:docMk/>
            <pc:sldMasterMk cId="0" sldId="2147483658"/>
            <ac:spMk id="25" creationId="{00000000-0000-0000-0000-000000000000}"/>
          </ac:spMkLst>
        </pc:spChg>
        <pc:spChg chg="mod">
          <ac:chgData name="Nitsche, Rainer" userId="b0459796-2dba-4711-99d0-2635315bc4ac" providerId="ADAL" clId="{104A0FAD-1A32-46DF-B188-625334230143}" dt="2023-10-26T06:18:12.135" v="1496" actId="20577"/>
          <ac:spMkLst>
            <pc:docMk/>
            <pc:sldMasterMk cId="0" sldId="2147483658"/>
            <ac:spMk id="26" creationId="{00000000-0000-0000-0000-000000000000}"/>
          </ac:spMkLst>
        </pc:spChg>
        <pc:spChg chg="mod">
          <ac:chgData name="Nitsche, Rainer" userId="b0459796-2dba-4711-99d0-2635315bc4ac" providerId="ADAL" clId="{104A0FAD-1A32-46DF-B188-625334230143}" dt="2023-10-24T13:16:10.178" v="58" actId="20577"/>
          <ac:spMkLst>
            <pc:docMk/>
            <pc:sldMasterMk cId="0" sldId="2147483658"/>
            <ac:spMk id="28" creationId="{00000000-0000-0000-0000-000000000000}"/>
          </ac:spMkLst>
        </pc:spChg>
        <pc:spChg chg="mod">
          <ac:chgData name="Nitsche, Rainer" userId="b0459796-2dba-4711-99d0-2635315bc4ac" providerId="ADAL" clId="{104A0FAD-1A32-46DF-B188-625334230143}" dt="2023-10-26T06:18:12.137" v="1498" actId="20577"/>
          <ac:spMkLst>
            <pc:docMk/>
            <pc:sldMasterMk cId="0" sldId="2147483658"/>
            <ac:spMk id="29" creationId="{00000000-0000-0000-0000-000000000000}"/>
          </ac:spMkLst>
        </pc:spChg>
        <pc:spChg chg="mod">
          <ac:chgData name="Nitsche, Rainer" userId="b0459796-2dba-4711-99d0-2635315bc4ac" providerId="ADAL" clId="{104A0FAD-1A32-46DF-B188-625334230143}" dt="2023-10-26T06:18:12.139" v="1499" actId="20577"/>
          <ac:spMkLst>
            <pc:docMk/>
            <pc:sldMasterMk cId="0" sldId="2147483658"/>
            <ac:spMk id="30" creationId="{00000000-0000-0000-0000-000000000000}"/>
          </ac:spMkLst>
        </pc:spChg>
      </pc:sldMasterChg>
    </pc:docChg>
  </pc:docChgLst>
</pc:chgInfo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1" y="0"/>
            <a:ext cx="2945659" cy="498056"/>
          </a:xfrm>
          <a:prstGeom prst="rect">
            <a:avLst/>
          </a:prstGeom>
        </p:spPr>
        <p:txBody>
          <a:bodyPr vert="horz" lIns="91431" tIns="45715" rIns="91431" bIns="45715" rtlCol="0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50444" y="0"/>
            <a:ext cx="2945659" cy="498056"/>
          </a:xfrm>
          <a:prstGeom prst="rect">
            <a:avLst/>
          </a:prstGeom>
        </p:spPr>
        <p:txBody>
          <a:bodyPr vert="horz" lIns="91431" tIns="45715" rIns="91431" bIns="45715" rtlCol="0"/>
          <a:lstStyle>
            <a:lvl1pPr algn="r">
              <a:defRPr sz="1200"/>
            </a:lvl1pPr>
          </a:lstStyle>
          <a:p>
            <a:fld id="{5EB37F6E-3F01-4BBC-B4A3-B3DC3722EE80}" type="datetimeFigureOut">
              <a:rPr lang="de-DE" smtClean="0"/>
              <a:t>21.02.2024</a:t>
            </a:fld>
            <a:endParaRPr lang="de-DE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422275" y="1241425"/>
            <a:ext cx="5953125" cy="334962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31" tIns="45715" rIns="91431" bIns="45715" rtlCol="0" anchor="ctr"/>
          <a:lstStyle/>
          <a:p>
            <a:endParaRPr lang="de-DE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79768" y="4777194"/>
            <a:ext cx="5438140" cy="3908614"/>
          </a:xfrm>
          <a:prstGeom prst="rect">
            <a:avLst/>
          </a:prstGeom>
        </p:spPr>
        <p:txBody>
          <a:bodyPr vert="horz" lIns="91431" tIns="45715" rIns="91431" bIns="45715" rtlCol="0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1" y="9428584"/>
            <a:ext cx="2945659" cy="498055"/>
          </a:xfrm>
          <a:prstGeom prst="rect">
            <a:avLst/>
          </a:prstGeom>
        </p:spPr>
        <p:txBody>
          <a:bodyPr vert="horz" lIns="91431" tIns="45715" rIns="91431" bIns="45715" rtlCol="0" anchor="b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50444" y="9428584"/>
            <a:ext cx="2945659" cy="498055"/>
          </a:xfrm>
          <a:prstGeom prst="rect">
            <a:avLst/>
          </a:prstGeom>
        </p:spPr>
        <p:txBody>
          <a:bodyPr vert="horz" lIns="91431" tIns="45715" rIns="91431" bIns="45715" rtlCol="0" anchor="b"/>
          <a:lstStyle>
            <a:lvl1pPr algn="r">
              <a:defRPr sz="1200"/>
            </a:lvl1pPr>
          </a:lstStyle>
          <a:p>
            <a:fld id="{16671F8C-2E2D-4FC6-94D8-A10C72DF116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45194705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https://www.overleaf.com/learn/latex/Using_colors_in_LaTeX</a:t>
            </a:r>
          </a:p>
          <a:p>
            <a:r>
              <a:rPr lang="de-DE" dirty="0"/>
              <a:t>Skalarprodukt oder inneres Produkt von </a:t>
            </a:r>
            <a:r>
              <a:rPr lang="de-DE" dirty="0" err="1"/>
              <a:t>xn</a:t>
            </a:r>
            <a:r>
              <a:rPr lang="de-DE" dirty="0"/>
              <a:t> mit der k-</a:t>
            </a:r>
            <a:r>
              <a:rPr lang="de-DE" dirty="0" err="1"/>
              <a:t>ten</a:t>
            </a:r>
            <a:r>
              <a:rPr lang="de-DE" dirty="0"/>
              <a:t> Spalte…</a:t>
            </a:r>
          </a:p>
          <a:p>
            <a:r>
              <a:rPr lang="de-DE" dirty="0"/>
              <a:t>Für große N wird die Multiplikation sehr aufwändig -&gt; FFT</a:t>
            </a:r>
          </a:p>
          <a:p>
            <a:r>
              <a:rPr lang="de-DE" dirty="0"/>
              <a:t>k: Frequenz</a:t>
            </a:r>
          </a:p>
          <a:p>
            <a:r>
              <a:rPr lang="de-DE" dirty="0"/>
              <a:t>n: sample Point -&gt; time</a:t>
            </a:r>
          </a:p>
          <a:p>
            <a:r>
              <a:rPr lang="de-DE" dirty="0"/>
              <a:t>X[k]: </a:t>
            </a:r>
            <a:r>
              <a:rPr lang="de-DE" dirty="0" err="1"/>
              <a:t>correlating</a:t>
            </a:r>
            <a:r>
              <a:rPr lang="de-DE" dirty="0"/>
              <a:t> </a:t>
            </a:r>
            <a:r>
              <a:rPr lang="de-DE" dirty="0" err="1"/>
              <a:t>signal</a:t>
            </a:r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3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905842633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C:\workspace\teachingSMC\FFT\dSpace\SCALEXIO</a:t>
            </a:r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12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10673615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Steve </a:t>
            </a:r>
            <a:r>
              <a:rPr lang="de-DE" dirty="0" err="1"/>
              <a:t>Brunton</a:t>
            </a:r>
            <a:r>
              <a:rPr lang="de-DE" dirty="0"/>
              <a:t> University </a:t>
            </a:r>
            <a:r>
              <a:rPr lang="de-DE" dirty="0" err="1"/>
              <a:t>of</a:t>
            </a:r>
            <a:r>
              <a:rPr lang="de-DE" dirty="0"/>
              <a:t> Washington (</a:t>
            </a:r>
            <a:r>
              <a:rPr lang="de-DE" dirty="0" err="1"/>
              <a:t>Mechanical</a:t>
            </a:r>
            <a:r>
              <a:rPr lang="de-DE" dirty="0"/>
              <a:t> Engineering)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14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601912858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https://www.overleaf.com/learn/latex/Using_colors_in_LaTeX</a:t>
            </a:r>
          </a:p>
          <a:p>
            <a:r>
              <a:rPr lang="de-DE" dirty="0"/>
              <a:t>Skalarprodukt oder inneres Produkt von </a:t>
            </a:r>
            <a:r>
              <a:rPr lang="de-DE" dirty="0" err="1"/>
              <a:t>xn</a:t>
            </a:r>
            <a:r>
              <a:rPr lang="de-DE" dirty="0"/>
              <a:t> mit der k-</a:t>
            </a:r>
            <a:r>
              <a:rPr lang="de-DE" dirty="0" err="1"/>
              <a:t>ten</a:t>
            </a:r>
            <a:r>
              <a:rPr lang="de-DE" dirty="0"/>
              <a:t> Spalte…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18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064910180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 err="1"/>
              <a:t>Nyquist</a:t>
            </a:r>
            <a:r>
              <a:rPr lang="de-DE" dirty="0"/>
              <a:t> Frequenz ist die höchste Frequenz die durch die FFT ermittelt werden kann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19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20453736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Positive and negative Frequenzen in der FFT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4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49546477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Positive and negative Frequenzen in der FFT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5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23562236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Positive and negative Frequenzen in der FFT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6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984758873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Positive and negative Frequenzen in der FFT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7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530294521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 err="1"/>
              <a:t>Length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times</a:t>
            </a:r>
            <a:r>
              <a:rPr lang="de-DE" dirty="0"/>
              <a:t> </a:t>
            </a:r>
            <a:r>
              <a:rPr lang="de-DE" dirty="0" err="1"/>
              <a:t>signal</a:t>
            </a:r>
            <a:r>
              <a:rPr lang="de-DE" dirty="0"/>
              <a:t>: N </a:t>
            </a:r>
            <a:r>
              <a:rPr lang="de-DE" dirty="0" err="1"/>
              <a:t>Ts</a:t>
            </a:r>
            <a:r>
              <a:rPr lang="de-DE" dirty="0"/>
              <a:t> = N/</a:t>
            </a:r>
            <a:r>
              <a:rPr lang="de-DE" dirty="0" err="1"/>
              <a:t>Fs</a:t>
            </a:r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8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211160295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c:\workspace\teachingSMC\FFT\Matlab\FFT4dSpace_rtKolloq_1.slx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9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055703946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~10 Runs: </a:t>
            </a:r>
            <a:r>
              <a:rPr lang="de-DE" dirty="0" err="1"/>
              <a:t>Simzeit</a:t>
            </a:r>
            <a:r>
              <a:rPr lang="de-DE" dirty="0"/>
              <a:t> = 10sec, 2^10 N à 1msec = 1Run </a:t>
            </a:r>
            <a:r>
              <a:rPr lang="de-DE" dirty="0" err="1"/>
              <a:t>takes</a:t>
            </a:r>
            <a:r>
              <a:rPr lang="de-DE" dirty="0"/>
              <a:t> ~1sec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10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803629721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C:\workspace\teachingSMC\FFT\dSpace\SCALEXIO</a:t>
            </a:r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11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46174381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Presentation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platzhalter 9"/>
          <p:cNvSpPr>
            <a:spLocks noGrp="1"/>
          </p:cNvSpPr>
          <p:nvPr>
            <p:ph type="body" sz="quarter" idx="12" hasCustomPrompt="1"/>
          </p:nvPr>
        </p:nvSpPr>
        <p:spPr>
          <a:xfrm>
            <a:off x="252413" y="2032000"/>
            <a:ext cx="11456987" cy="324513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None/>
              <a:defRPr sz="1600" b="1" u="none"/>
            </a:lvl1pPr>
          </a:lstStyle>
          <a:p>
            <a:pPr lvl="0"/>
            <a:r>
              <a:rPr lang="de-DE" dirty="0"/>
              <a:t>Click to add subtitle</a:t>
            </a:r>
          </a:p>
        </p:txBody>
      </p:sp>
      <p:sp>
        <p:nvSpPr>
          <p:cNvPr id="8" name="Textplatzhalter 2"/>
          <p:cNvSpPr>
            <a:spLocks noGrp="1"/>
          </p:cNvSpPr>
          <p:nvPr>
            <p:ph type="body" sz="quarter" idx="14" hasCustomPrompt="1"/>
          </p:nvPr>
        </p:nvSpPr>
        <p:spPr>
          <a:xfrm>
            <a:off x="252413" y="6336756"/>
            <a:ext cx="11460434" cy="153888"/>
          </a:xfrm>
          <a:prstGeom prst="rect">
            <a:avLst/>
          </a:prstGeom>
        </p:spPr>
        <p:txBody>
          <a:bodyPr lIns="0" tIns="0" rIns="0" bIns="0" anchor="b" anchorCtr="0">
            <a:sp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000"/>
            </a:lvl1pPr>
          </a:lstStyle>
          <a:p>
            <a:pPr lvl="0"/>
            <a:r>
              <a:rPr lang="de-DE" sz="1000" dirty="0"/>
              <a:t>Source</a:t>
            </a:r>
            <a:endParaRPr lang="de-DE" dirty="0"/>
          </a:p>
        </p:txBody>
      </p:sp>
      <p:sp>
        <p:nvSpPr>
          <p:cNvPr id="9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A634293C-83F7-4094-BCAA-FCFF52E6610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ntent with Sub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1" name="Textplatzhalter 9">
            <a:extLst>
              <a:ext uri="{FF2B5EF4-FFF2-40B4-BE49-F238E27FC236}">
                <a16:creationId xmlns:a16="http://schemas.microsoft.com/office/drawing/2014/main" id="{88D6C5FE-E0CA-4C22-91F5-C685139960EA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250867" y="2032000"/>
            <a:ext cx="11458533" cy="324513"/>
          </a:xfrm>
          <a:prstGeom prst="rect">
            <a:avLst/>
          </a:prstGeom>
        </p:spPr>
        <p:txBody>
          <a:bodyPr lIns="0" tIns="0" rIns="0" bIns="0" anchor="t" anchorCtr="0"/>
          <a:lstStyle>
            <a:lvl1pPr marL="0" indent="0">
              <a:buNone/>
              <a:defRPr sz="1600" b="1" u="none"/>
            </a:lvl1pPr>
          </a:lstStyle>
          <a:p>
            <a:pPr lvl="0"/>
            <a:r>
              <a:rPr lang="de-DE" dirty="0"/>
              <a:t>Click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add</a:t>
            </a:r>
            <a:r>
              <a:rPr lang="de-DE" dirty="0"/>
              <a:t> </a:t>
            </a:r>
            <a:r>
              <a:rPr lang="de-DE" dirty="0" err="1"/>
              <a:t>subtitle</a:t>
            </a:r>
            <a:endParaRPr lang="de-DE" dirty="0"/>
          </a:p>
        </p:txBody>
      </p:sp>
      <p:sp>
        <p:nvSpPr>
          <p:cNvPr id="7" name="Titel 6">
            <a:extLst>
              <a:ext uri="{FF2B5EF4-FFF2-40B4-BE49-F238E27FC236}">
                <a16:creationId xmlns:a16="http://schemas.microsoft.com/office/drawing/2014/main" id="{C66A8A64-531F-4CAA-83A8-3B180683243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</a:p>
        </p:txBody>
      </p:sp>
      <p:sp>
        <p:nvSpPr>
          <p:cNvPr id="16" name="Inhaltsplatzhalter 15">
            <a:extLst>
              <a:ext uri="{FF2B5EF4-FFF2-40B4-BE49-F238E27FC236}">
                <a16:creationId xmlns:a16="http://schemas.microsoft.com/office/drawing/2014/main" id="{6C05FAE4-1526-42D8-AB66-CF45DA831D51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252413" y="2500313"/>
            <a:ext cx="11456987" cy="3960812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</p:spTree>
    <p:extLst>
      <p:ext uri="{BB962C8B-B14F-4D97-AF65-F5344CB8AC3E}">
        <p14:creationId xmlns:p14="http://schemas.microsoft.com/office/powerpoint/2010/main" val="157494281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ntent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4B46E1DC-81FE-420E-8643-CF372DBFFE33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252000" y="2500313"/>
            <a:ext cx="11458800" cy="3960811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GB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32EF1562-100D-4981-A231-E5A928A6079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176083999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wo Contents with Subtitl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252268" y="2500313"/>
            <a:ext cx="5601600" cy="3960814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smtClean="0"/>
            </a:lvl1pPr>
            <a:lvl2pPr>
              <a:defRPr lang="en-US" smtClean="0"/>
            </a:lvl2pPr>
            <a:lvl3pPr>
              <a:defRPr lang="en-US" smtClean="0"/>
            </a:lvl3pPr>
            <a:lvl4pPr>
              <a:defRPr lang="en-US" smtClean="0"/>
            </a:lvl4pPr>
            <a:lvl5pPr>
              <a:defRPr lang="de-DE" dirty="0"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DE" dirty="0"/>
          </a:p>
        </p:txBody>
      </p:sp>
      <p:sp>
        <p:nvSpPr>
          <p:cNvPr id="13" name="Inhaltsplatzhalter 3"/>
          <p:cNvSpPr>
            <a:spLocks noGrp="1"/>
          </p:cNvSpPr>
          <p:nvPr>
            <p:ph sz="half" idx="14"/>
          </p:nvPr>
        </p:nvSpPr>
        <p:spPr>
          <a:xfrm>
            <a:off x="6107800" y="2500314"/>
            <a:ext cx="5601600" cy="3960812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smtClean="0"/>
            </a:lvl1pPr>
            <a:lvl2pPr>
              <a:defRPr lang="en-US" smtClean="0"/>
            </a:lvl2pPr>
            <a:lvl3pPr>
              <a:defRPr lang="en-US" smtClean="0"/>
            </a:lvl3pPr>
            <a:lvl4pPr>
              <a:defRPr lang="en-US" smtClean="0"/>
            </a:lvl4pPr>
            <a:lvl5pPr>
              <a:defRPr lang="de-DE" dirty="0"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DE" dirty="0"/>
          </a:p>
        </p:txBody>
      </p:sp>
      <p:sp>
        <p:nvSpPr>
          <p:cNvPr id="7" name="Textplatzhalter 9"/>
          <p:cNvSpPr>
            <a:spLocks noGrp="1"/>
          </p:cNvSpPr>
          <p:nvPr>
            <p:ph type="body" sz="quarter" idx="12" hasCustomPrompt="1"/>
          </p:nvPr>
        </p:nvSpPr>
        <p:spPr>
          <a:xfrm>
            <a:off x="252267" y="2032000"/>
            <a:ext cx="5601600" cy="32400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600" b="1" u="none" baseline="0"/>
            </a:lvl1pPr>
          </a:lstStyle>
          <a:p>
            <a:pPr lvl="0"/>
            <a:r>
              <a:rPr lang="de-DE" dirty="0"/>
              <a:t>Click to add subtitle</a:t>
            </a:r>
          </a:p>
        </p:txBody>
      </p:sp>
      <p:sp>
        <p:nvSpPr>
          <p:cNvPr id="8" name="Textplatzhalter 9"/>
          <p:cNvSpPr>
            <a:spLocks noGrp="1"/>
          </p:cNvSpPr>
          <p:nvPr>
            <p:ph type="body" sz="quarter" idx="15" hasCustomPrompt="1"/>
          </p:nvPr>
        </p:nvSpPr>
        <p:spPr>
          <a:xfrm>
            <a:off x="6109200" y="2032000"/>
            <a:ext cx="5601600" cy="32400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600" b="1" u="none"/>
            </a:lvl1pPr>
          </a:lstStyle>
          <a:p>
            <a:pPr lvl="0"/>
            <a:r>
              <a:rPr lang="de-DE" dirty="0"/>
              <a:t>Click to add subtitle</a:t>
            </a:r>
          </a:p>
        </p:txBody>
      </p:sp>
      <p:sp>
        <p:nvSpPr>
          <p:cNvPr id="11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37E414BA-BAC7-4590-BB27-4959D81381A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DE" dirty="0"/>
          </a:p>
        </p:txBody>
      </p:sp>
    </p:spTree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wo Conten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252268" y="2500314"/>
            <a:ext cx="5601600" cy="3960812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smtClean="0"/>
            </a:lvl1pPr>
            <a:lvl2pPr>
              <a:defRPr lang="en-US" smtClean="0"/>
            </a:lvl2pPr>
            <a:lvl3pPr>
              <a:defRPr lang="en-US" smtClean="0"/>
            </a:lvl3pPr>
            <a:lvl4pPr>
              <a:defRPr lang="en-US" smtClean="0"/>
            </a:lvl4pPr>
            <a:lvl5pPr>
              <a:defRPr lang="de-DE" dirty="0"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DE" dirty="0"/>
          </a:p>
        </p:txBody>
      </p:sp>
      <p:sp>
        <p:nvSpPr>
          <p:cNvPr id="13" name="Inhaltsplatzhalter 3"/>
          <p:cNvSpPr>
            <a:spLocks noGrp="1"/>
          </p:cNvSpPr>
          <p:nvPr>
            <p:ph sz="half" idx="14"/>
          </p:nvPr>
        </p:nvSpPr>
        <p:spPr>
          <a:xfrm>
            <a:off x="6107800" y="2500315"/>
            <a:ext cx="5601600" cy="396081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smtClean="0"/>
            </a:lvl1pPr>
            <a:lvl2pPr>
              <a:defRPr lang="en-US" smtClean="0"/>
            </a:lvl2pPr>
            <a:lvl3pPr>
              <a:defRPr lang="en-US" smtClean="0"/>
            </a:lvl3pPr>
            <a:lvl4pPr>
              <a:defRPr lang="en-US" smtClean="0"/>
            </a:lvl4pPr>
            <a:lvl5pPr>
              <a:defRPr lang="de-DE" dirty="0"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DE" dirty="0"/>
          </a:p>
        </p:txBody>
      </p:sp>
      <p:sp>
        <p:nvSpPr>
          <p:cNvPr id="11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D6717109-0CF1-4361-B80E-6D5269B5F74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214174455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4B46E1DC-81FE-420E-8643-CF372DBFFE33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252000" y="2031999"/>
            <a:ext cx="11458800" cy="4429126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GB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BCFEF5D5-39D3-4C03-B096-43ECFFC0CE5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315748350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Only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990BB5EE-C30B-4749-A780-D9452999582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264596781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Empt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3279793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Reference Lines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" name="Gerader Verbinder 2"/>
          <p:cNvCxnSpPr/>
          <p:nvPr/>
        </p:nvCxnSpPr>
        <p:spPr>
          <a:xfrm>
            <a:off x="0" y="1493838"/>
            <a:ext cx="11963400" cy="0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Gerader Verbinder 5"/>
          <p:cNvCxnSpPr/>
          <p:nvPr/>
        </p:nvCxnSpPr>
        <p:spPr>
          <a:xfrm>
            <a:off x="6108966" y="1"/>
            <a:ext cx="0" cy="6729413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Gerader Verbinder 8"/>
          <p:cNvCxnSpPr/>
          <p:nvPr/>
        </p:nvCxnSpPr>
        <p:spPr>
          <a:xfrm>
            <a:off x="0" y="2032000"/>
            <a:ext cx="11963400" cy="0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Gerader Verbinder 10"/>
          <p:cNvCxnSpPr/>
          <p:nvPr/>
        </p:nvCxnSpPr>
        <p:spPr>
          <a:xfrm>
            <a:off x="0" y="2500313"/>
            <a:ext cx="11963400" cy="0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Gerader Verbinder 12"/>
          <p:cNvCxnSpPr/>
          <p:nvPr/>
        </p:nvCxnSpPr>
        <p:spPr>
          <a:xfrm>
            <a:off x="0" y="6460310"/>
            <a:ext cx="11963400" cy="0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Gerader Verbinder 7"/>
          <p:cNvCxnSpPr/>
          <p:nvPr/>
        </p:nvCxnSpPr>
        <p:spPr>
          <a:xfrm>
            <a:off x="11712308" y="1"/>
            <a:ext cx="0" cy="6729413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cxnSp>
        <p:nvCxnSpPr>
          <p:cNvPr id="10" name="Gerader Verbinder 9">
            <a:extLst>
              <a:ext uri="{FF2B5EF4-FFF2-40B4-BE49-F238E27FC236}">
                <a16:creationId xmlns:a16="http://schemas.microsoft.com/office/drawing/2014/main" id="{AF6A2680-4166-429E-9EDF-EE866C64DD04}"/>
              </a:ext>
            </a:extLst>
          </p:cNvPr>
          <p:cNvCxnSpPr/>
          <p:nvPr/>
        </p:nvCxnSpPr>
        <p:spPr>
          <a:xfrm>
            <a:off x="0" y="1348907"/>
            <a:ext cx="11963400" cy="0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Gerader Verbinder 13">
            <a:extLst>
              <a:ext uri="{FF2B5EF4-FFF2-40B4-BE49-F238E27FC236}">
                <a16:creationId xmlns:a16="http://schemas.microsoft.com/office/drawing/2014/main" id="{419B3198-1786-4F04-946D-9E972CB7C513}"/>
              </a:ext>
            </a:extLst>
          </p:cNvPr>
          <p:cNvCxnSpPr/>
          <p:nvPr/>
        </p:nvCxnSpPr>
        <p:spPr>
          <a:xfrm>
            <a:off x="5856554" y="1"/>
            <a:ext cx="0" cy="6729413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Gerader Verbinder 14">
            <a:extLst>
              <a:ext uri="{FF2B5EF4-FFF2-40B4-BE49-F238E27FC236}">
                <a16:creationId xmlns:a16="http://schemas.microsoft.com/office/drawing/2014/main" id="{6AEAE687-A5BC-4C36-9FDE-F49F0DB9AD08}"/>
              </a:ext>
            </a:extLst>
          </p:cNvPr>
          <p:cNvCxnSpPr/>
          <p:nvPr/>
        </p:nvCxnSpPr>
        <p:spPr>
          <a:xfrm>
            <a:off x="252679" y="1"/>
            <a:ext cx="0" cy="6729413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74593853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ags" Target="../tags/tag3.xml"/><Relationship Id="rId18" Type="http://schemas.openxmlformats.org/officeDocument/2006/relationships/image" Target="../media/image2.sv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ags" Target="../tags/tag2.xml"/><Relationship Id="rId17" Type="http://schemas.openxmlformats.org/officeDocument/2006/relationships/image" Target="../media/image1.png"/><Relationship Id="rId2" Type="http://schemas.openxmlformats.org/officeDocument/2006/relationships/slideLayout" Target="../slideLayouts/slideLayout2.xml"/><Relationship Id="rId16" Type="http://schemas.openxmlformats.org/officeDocument/2006/relationships/tags" Target="../tags/tag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tags" Target="../tags/tag1.xml"/><Relationship Id="rId5" Type="http://schemas.openxmlformats.org/officeDocument/2006/relationships/slideLayout" Target="../slideLayouts/slideLayout5.xml"/><Relationship Id="rId15" Type="http://schemas.openxmlformats.org/officeDocument/2006/relationships/tags" Target="../tags/tag5.xml"/><Relationship Id="rId10" Type="http://schemas.openxmlformats.org/officeDocument/2006/relationships/theme" Target="../theme/theme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ags" Target="../tags/tag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3" name="Gerade Verbindung 7"/>
          <p:cNvCxnSpPr/>
          <p:nvPr/>
        </p:nvCxnSpPr>
        <p:spPr>
          <a:xfrm flipV="1">
            <a:off x="250981" y="6530400"/>
            <a:ext cx="11461328" cy="0"/>
          </a:xfrm>
          <a:prstGeom prst="line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Gerade Verbindung 7"/>
          <p:cNvCxnSpPr/>
          <p:nvPr/>
        </p:nvCxnSpPr>
        <p:spPr>
          <a:xfrm flipV="1">
            <a:off x="250396" y="1276474"/>
            <a:ext cx="11461913" cy="0"/>
          </a:xfrm>
          <a:prstGeom prst="line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6" name="FESTO_NAME"/>
          <p:cNvSpPr txBox="1"/>
          <p:nvPr>
            <p:custDataLst>
              <p:tags r:id="rId11"/>
            </p:custDataLst>
          </p:nvPr>
        </p:nvSpPr>
        <p:spPr>
          <a:xfrm>
            <a:off x="252000" y="6566400"/>
            <a:ext cx="1857600" cy="126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en-US" sz="700" baseline="0">
                <a:latin typeface="+mn-lt"/>
              </a:rPr>
              <a:t>BC-DS / Rainer Nitsche</a:t>
            </a:r>
            <a:endParaRPr lang="de-DE" sz="700" dirty="0">
              <a:latin typeface="+mn-lt"/>
            </a:endParaRPr>
          </a:p>
        </p:txBody>
      </p:sp>
      <p:sp>
        <p:nvSpPr>
          <p:cNvPr id="25" name="FESTO_TITEL"/>
          <p:cNvSpPr txBox="1"/>
          <p:nvPr>
            <p:custDataLst>
              <p:tags r:id="rId12"/>
            </p:custDataLst>
          </p:nvPr>
        </p:nvSpPr>
        <p:spPr>
          <a:xfrm>
            <a:off x="2161221" y="6566400"/>
            <a:ext cx="3819600" cy="126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marL="0" marR="0" indent="0" algn="l" defTabSz="914316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700" kern="1200">
                <a:solidFill>
                  <a:schemeClr val="tx1"/>
                </a:solidFill>
                <a:latin typeface="MetaPlusLF" pitchFamily="34" charset="0"/>
                <a:ea typeface="+mn-ea"/>
                <a:cs typeface="+mn-cs"/>
              </a:rPr>
              <a:t>RSD_24001 FFT on dSpace</a:t>
            </a:r>
            <a:endParaRPr lang="de-DE" sz="700" kern="1200">
              <a:solidFill>
                <a:schemeClr val="tx1"/>
              </a:solidFill>
              <a:latin typeface="MetaPlusLF" pitchFamily="34" charset="0"/>
              <a:ea typeface="+mn-ea"/>
              <a:cs typeface="+mn-cs"/>
            </a:endParaRPr>
          </a:p>
        </p:txBody>
      </p:sp>
      <p:sp>
        <p:nvSpPr>
          <p:cNvPr id="26" name="FESTO_ERSTELLT"/>
          <p:cNvSpPr txBox="1"/>
          <p:nvPr>
            <p:custDataLst>
              <p:tags r:id="rId13"/>
            </p:custDataLst>
          </p:nvPr>
        </p:nvSpPr>
        <p:spPr>
          <a:xfrm>
            <a:off x="6102000" y="6566400"/>
            <a:ext cx="1260000" cy="126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l"/>
            <a:r>
              <a:rPr lang="de-DE" sz="700">
                <a:latin typeface="+mn-lt"/>
              </a:rPr>
              <a:t>Created: 2/6/2024</a:t>
            </a:r>
            <a:endParaRPr lang="de-DE" sz="700" dirty="0">
              <a:latin typeface="+mn-lt"/>
            </a:endParaRPr>
          </a:p>
        </p:txBody>
      </p:sp>
      <p:sp>
        <p:nvSpPr>
          <p:cNvPr id="28" name="FESTO_GEAENDERT"/>
          <p:cNvSpPr txBox="1"/>
          <p:nvPr>
            <p:custDataLst>
              <p:tags r:id="rId14"/>
            </p:custDataLst>
          </p:nvPr>
        </p:nvSpPr>
        <p:spPr>
          <a:xfrm>
            <a:off x="7434000" y="6566400"/>
            <a:ext cx="1260000" cy="126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l"/>
            <a:endParaRPr lang="de-DE" sz="700" dirty="0">
              <a:latin typeface="+mn-lt"/>
            </a:endParaRPr>
          </a:p>
        </p:txBody>
      </p:sp>
      <p:sp>
        <p:nvSpPr>
          <p:cNvPr id="29" name="FESTO_STATUS1"/>
          <p:cNvSpPr txBox="1"/>
          <p:nvPr>
            <p:custDataLst>
              <p:tags r:id="rId15"/>
            </p:custDataLst>
          </p:nvPr>
        </p:nvSpPr>
        <p:spPr>
          <a:xfrm>
            <a:off x="8766000" y="6566400"/>
            <a:ext cx="1260000" cy="126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l"/>
            <a:r>
              <a:rPr lang="de-DE" sz="700">
                <a:latin typeface="+mn-lt"/>
              </a:rPr>
              <a:t> </a:t>
            </a:r>
            <a:endParaRPr lang="de-DE" sz="700" dirty="0">
              <a:latin typeface="+mn-lt"/>
            </a:endParaRPr>
          </a:p>
        </p:txBody>
      </p:sp>
      <p:sp>
        <p:nvSpPr>
          <p:cNvPr id="30" name="FESTO_VERTRAULICH1"/>
          <p:cNvSpPr txBox="1"/>
          <p:nvPr>
            <p:custDataLst>
              <p:tags r:id="rId16"/>
            </p:custDataLst>
          </p:nvPr>
        </p:nvSpPr>
        <p:spPr>
          <a:xfrm>
            <a:off x="10094400" y="6566400"/>
            <a:ext cx="1260000" cy="126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l"/>
            <a:r>
              <a:rPr lang="de-DE" sz="700">
                <a:latin typeface="+mn-lt"/>
              </a:rPr>
              <a:t>Strictly confidential</a:t>
            </a:r>
            <a:endParaRPr lang="de-DE" sz="700" dirty="0">
              <a:latin typeface="+mn-lt"/>
            </a:endParaRPr>
          </a:p>
        </p:txBody>
      </p:sp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5B788807-16F6-4161-A8B7-864B2F19D62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52414" y="1493836"/>
            <a:ext cx="11456986" cy="396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e-DE" dirty="0"/>
              <a:t>Mastertitelformat bearbeiten</a:t>
            </a:r>
            <a:endParaRPr lang="en-GB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C8B9E07-4336-4A1F-B705-5E6B291144E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252413" y="2500313"/>
            <a:ext cx="11458387" cy="396080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pPr lvl="0"/>
            <a:r>
              <a:rPr lang="de-DE" dirty="0"/>
              <a:t>Mastertext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en-GB" dirty="0"/>
          </a:p>
        </p:txBody>
      </p:sp>
      <p:pic>
        <p:nvPicPr>
          <p:cNvPr id="17" name="Grafik 16">
            <a:extLst>
              <a:ext uri="{FF2B5EF4-FFF2-40B4-BE49-F238E27FC236}">
                <a16:creationId xmlns:a16="http://schemas.microsoft.com/office/drawing/2014/main" id="{C09E0ED1-7F86-47FB-B5E5-93C4F1C7FEDD}"/>
              </a:ext>
            </a:extLst>
          </p:cNvPr>
          <p:cNvPicPr>
            <a:picLocks noChangeAspect="1"/>
          </p:cNvPicPr>
          <p:nvPr/>
        </p:nvPicPr>
        <p:blipFill>
          <a:blip r:embed="rId1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8"/>
              </a:ext>
            </a:extLst>
          </a:blip>
          <a:stretch>
            <a:fillRect/>
          </a:stretch>
        </p:blipFill>
        <p:spPr>
          <a:xfrm>
            <a:off x="10962895" y="1006699"/>
            <a:ext cx="756000" cy="132632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93" r:id="rId2"/>
    <p:sldLayoutId id="2147483694" r:id="rId3"/>
    <p:sldLayoutId id="2147483663" r:id="rId4"/>
    <p:sldLayoutId id="2147483699" r:id="rId5"/>
    <p:sldLayoutId id="2147483698" r:id="rId6"/>
    <p:sldLayoutId id="2147483679" r:id="rId7"/>
    <p:sldLayoutId id="2147483696" r:id="rId8"/>
    <p:sldLayoutId id="2147483697" r:id="rId9"/>
  </p:sldLayoutIdLst>
  <p:hf hdr="0" ftr="0" dt="0"/>
  <p:txStyles>
    <p:titleStyle>
      <a:lvl1pPr algn="l" rtl="0" eaLnBrk="1" fontAlgn="base" hangingPunct="1">
        <a:lnSpc>
          <a:spcPct val="100000"/>
        </a:lnSpc>
        <a:spcBef>
          <a:spcPts val="600"/>
        </a:spcBef>
        <a:spcAft>
          <a:spcPct val="0"/>
        </a:spcAft>
        <a:defRPr sz="2100" b="1" kern="120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9pPr>
    </p:titleStyle>
    <p:bodyStyle>
      <a:lvl1pPr marL="180000" indent="-180000" algn="l" rtl="0" eaLnBrk="1" fontAlgn="base" hangingPunct="1">
        <a:lnSpc>
          <a:spcPct val="100000"/>
        </a:lnSpc>
        <a:spcBef>
          <a:spcPts val="600"/>
        </a:spcBef>
        <a:spcAft>
          <a:spcPct val="0"/>
        </a:spcAft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1pPr>
      <a:lvl2pPr marL="360000" indent="-180000" algn="l" rtl="0" eaLnBrk="1" fontAlgn="base" hangingPunct="1">
        <a:lnSpc>
          <a:spcPct val="100000"/>
        </a:lnSpc>
        <a:spcBef>
          <a:spcPts val="600"/>
        </a:spcBef>
        <a:spcAft>
          <a:spcPct val="0"/>
        </a:spcAft>
        <a:buFont typeface="Arial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540000" indent="-180000" algn="l" rtl="0" eaLnBrk="1" fontAlgn="base" hangingPunct="1">
        <a:lnSpc>
          <a:spcPct val="100000"/>
        </a:lnSpc>
        <a:spcBef>
          <a:spcPts val="600"/>
        </a:spcBef>
        <a:spcAft>
          <a:spcPct val="0"/>
        </a:spcAft>
        <a:buFont typeface="Arial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720000" indent="-180000" algn="l" rtl="0" eaLnBrk="1" fontAlgn="base" hangingPunct="1">
        <a:lnSpc>
          <a:spcPct val="100000"/>
        </a:lnSpc>
        <a:spcBef>
          <a:spcPts val="600"/>
        </a:spcBef>
        <a:spcAft>
          <a:spcPct val="0"/>
        </a:spcAft>
        <a:buFont typeface="Arial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900000" indent="-180000" algn="l" rtl="0" eaLnBrk="1" fontAlgn="base" hangingPunct="1">
        <a:lnSpc>
          <a:spcPct val="100000"/>
        </a:lnSpc>
        <a:spcBef>
          <a:spcPts val="600"/>
        </a:spcBef>
        <a:spcAft>
          <a:spcPct val="0"/>
        </a:spcAft>
        <a:buFont typeface="Arial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9" orient="horz" pos="4070">
          <p15:clr>
            <a:srgbClr val="F26B43"/>
          </p15:clr>
        </p15:guide>
        <p15:guide id="11" orient="horz" pos="940">
          <p15:clr>
            <a:srgbClr val="F26B43"/>
          </p15:clr>
        </p15:guide>
        <p15:guide id="12" orient="horz" pos="1280">
          <p15:clr>
            <a:srgbClr val="F26B43"/>
          </p15:clr>
        </p15:guide>
        <p15:guide id="14" orient="horz" pos="1575">
          <p15:clr>
            <a:srgbClr val="F26B43"/>
          </p15:clr>
        </p15:guide>
        <p15:guide id="25" pos="7376">
          <p15:clr>
            <a:srgbClr val="F26B43"/>
          </p15:clr>
        </p15:guide>
        <p15:guide id="26" pos="159">
          <p15:clr>
            <a:srgbClr val="F26B43"/>
          </p15:clr>
        </p15:guide>
        <p15:guide id="27" orient="horz" pos="849">
          <p15:clr>
            <a:srgbClr val="F26B43"/>
          </p15:clr>
        </p15:guide>
        <p15:guide id="28" pos="3689">
          <p15:clr>
            <a:srgbClr val="F26B43"/>
          </p15:clr>
        </p15:guide>
        <p15:guide id="29" pos="3848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emf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35.png"/><Relationship Id="rId5" Type="http://schemas.openxmlformats.org/officeDocument/2006/relationships/image" Target="../media/image34.png"/><Relationship Id="rId4" Type="http://schemas.openxmlformats.org/officeDocument/2006/relationships/image" Target="../media/image33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7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8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7.png"/></Relationships>
</file>

<file path=ppt/slides/_rels/slide13.xml.rels><?xml version="1.0" encoding="UTF-8" standalone="yes"?>
<Relationships xmlns="http://schemas.openxmlformats.org/package/2006/relationships"><Relationship Id="rId8" Type="http://schemas.openxmlformats.org/officeDocument/2006/relationships/tags" Target="../tags/tag42.xml"/><Relationship Id="rId13" Type="http://schemas.openxmlformats.org/officeDocument/2006/relationships/image" Target="../media/image27.png"/><Relationship Id="rId18" Type="http://schemas.openxmlformats.org/officeDocument/2006/relationships/image" Target="../media/image40.png"/><Relationship Id="rId3" Type="http://schemas.openxmlformats.org/officeDocument/2006/relationships/tags" Target="../tags/tag37.xml"/><Relationship Id="rId21" Type="http://schemas.openxmlformats.org/officeDocument/2006/relationships/image" Target="../media/image42.png"/><Relationship Id="rId7" Type="http://schemas.openxmlformats.org/officeDocument/2006/relationships/tags" Target="../tags/tag41.xml"/><Relationship Id="rId12" Type="http://schemas.openxmlformats.org/officeDocument/2006/relationships/image" Target="../media/image26.png"/><Relationship Id="rId17" Type="http://schemas.openxmlformats.org/officeDocument/2006/relationships/image" Target="../media/image39.png"/><Relationship Id="rId2" Type="http://schemas.openxmlformats.org/officeDocument/2006/relationships/tags" Target="../tags/tag36.xml"/><Relationship Id="rId16" Type="http://schemas.openxmlformats.org/officeDocument/2006/relationships/image" Target="../media/image12.png"/><Relationship Id="rId20" Type="http://schemas.openxmlformats.org/officeDocument/2006/relationships/image" Target="../media/image41.png"/><Relationship Id="rId1" Type="http://schemas.openxmlformats.org/officeDocument/2006/relationships/tags" Target="../tags/tag35.xml"/><Relationship Id="rId6" Type="http://schemas.openxmlformats.org/officeDocument/2006/relationships/tags" Target="../tags/tag40.xml"/><Relationship Id="rId11" Type="http://schemas.openxmlformats.org/officeDocument/2006/relationships/image" Target="../media/image25.png"/><Relationship Id="rId5" Type="http://schemas.openxmlformats.org/officeDocument/2006/relationships/tags" Target="../tags/tag39.xml"/><Relationship Id="rId15" Type="http://schemas.openxmlformats.org/officeDocument/2006/relationships/image" Target="../media/image29.png"/><Relationship Id="rId10" Type="http://schemas.openxmlformats.org/officeDocument/2006/relationships/image" Target="../media/image20.png"/><Relationship Id="rId19" Type="http://schemas.openxmlformats.org/officeDocument/2006/relationships/hyperlink" Target="https://de.wikipedia.org/wiki/Leck-Effekt" TargetMode="External"/><Relationship Id="rId4" Type="http://schemas.openxmlformats.org/officeDocument/2006/relationships/tags" Target="../tags/tag38.xml"/><Relationship Id="rId9" Type="http://schemas.openxmlformats.org/officeDocument/2006/relationships/slideLayout" Target="../slideLayouts/slideLayout2.xml"/><Relationship Id="rId14" Type="http://schemas.openxmlformats.org/officeDocument/2006/relationships/image" Target="../media/image28.png"/><Relationship Id="rId22" Type="http://schemas.openxmlformats.org/officeDocument/2006/relationships/image" Target="../media/image43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hyperlink" Target="https://youtu.be/nl9TZanwbBk?si=1LpI4aEXoSLnc3hJ" TargetMode="External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44.png"/><Relationship Id="rId5" Type="http://schemas.openxmlformats.org/officeDocument/2006/relationships/hyperlink" Target="https://www.dspace.com/de/gmb/home/news/engineers-insights/fast-fourier-ttf-controldesk.cfm" TargetMode="External"/><Relationship Id="rId4" Type="http://schemas.openxmlformats.org/officeDocument/2006/relationships/hyperlink" Target="https://youtu.be/QmgJmh2I3Fw?si=5J9WOdzGHVEW_OFF" TargetMode="Externa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.xml"/><Relationship Id="rId13" Type="http://schemas.openxmlformats.org/officeDocument/2006/relationships/image" Target="../media/image46.png"/><Relationship Id="rId3" Type="http://schemas.openxmlformats.org/officeDocument/2006/relationships/tags" Target="../tags/tag45.xml"/><Relationship Id="rId7" Type="http://schemas.openxmlformats.org/officeDocument/2006/relationships/tags" Target="../tags/tag49.xml"/><Relationship Id="rId12" Type="http://schemas.openxmlformats.org/officeDocument/2006/relationships/hyperlink" Target="https://www.youtube.com/watch?v=QmgJmh2I3Fw" TargetMode="External"/><Relationship Id="rId2" Type="http://schemas.openxmlformats.org/officeDocument/2006/relationships/tags" Target="../tags/tag44.xml"/><Relationship Id="rId16" Type="http://schemas.openxmlformats.org/officeDocument/2006/relationships/image" Target="../media/image19.png"/><Relationship Id="rId1" Type="http://schemas.openxmlformats.org/officeDocument/2006/relationships/tags" Target="../tags/tag43.xml"/><Relationship Id="rId6" Type="http://schemas.openxmlformats.org/officeDocument/2006/relationships/tags" Target="../tags/tag48.xml"/><Relationship Id="rId11" Type="http://schemas.openxmlformats.org/officeDocument/2006/relationships/image" Target="../media/image15.png"/><Relationship Id="rId5" Type="http://schemas.openxmlformats.org/officeDocument/2006/relationships/tags" Target="../tags/tag47.xml"/><Relationship Id="rId15" Type="http://schemas.openxmlformats.org/officeDocument/2006/relationships/image" Target="../media/image18.png"/><Relationship Id="rId10" Type="http://schemas.openxmlformats.org/officeDocument/2006/relationships/image" Target="../media/image45.png"/><Relationship Id="rId4" Type="http://schemas.openxmlformats.org/officeDocument/2006/relationships/tags" Target="../tags/tag46.xml"/><Relationship Id="rId9" Type="http://schemas.openxmlformats.org/officeDocument/2006/relationships/notesSlide" Target="../notesSlides/notesSlide12.xml"/><Relationship Id="rId14" Type="http://schemas.openxmlformats.org/officeDocument/2006/relationships/image" Target="../media/image17.pn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tags" Target="../tags/tag51.xml"/><Relationship Id="rId1" Type="http://schemas.openxmlformats.org/officeDocument/2006/relationships/tags" Target="../tags/tag50.xml"/><Relationship Id="rId6" Type="http://schemas.openxmlformats.org/officeDocument/2006/relationships/image" Target="../media/image12.png"/><Relationship Id="rId5" Type="http://schemas.openxmlformats.org/officeDocument/2006/relationships/image" Target="../media/image20.png"/><Relationship Id="rId4" Type="http://schemas.openxmlformats.org/officeDocument/2006/relationships/notesSlide" Target="../notesSlides/notesSlide13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.xml"/><Relationship Id="rId13" Type="http://schemas.openxmlformats.org/officeDocument/2006/relationships/image" Target="../media/image8.png"/><Relationship Id="rId18" Type="http://schemas.openxmlformats.org/officeDocument/2006/relationships/image" Target="../media/image13.png"/><Relationship Id="rId3" Type="http://schemas.openxmlformats.org/officeDocument/2006/relationships/tags" Target="../tags/tag9.xml"/><Relationship Id="rId7" Type="http://schemas.openxmlformats.org/officeDocument/2006/relationships/tags" Target="../tags/tag13.xml"/><Relationship Id="rId12" Type="http://schemas.openxmlformats.org/officeDocument/2006/relationships/image" Target="../media/image7.png"/><Relationship Id="rId17" Type="http://schemas.openxmlformats.org/officeDocument/2006/relationships/image" Target="../media/image12.png"/><Relationship Id="rId2" Type="http://schemas.openxmlformats.org/officeDocument/2006/relationships/tags" Target="../tags/tag8.xml"/><Relationship Id="rId16" Type="http://schemas.openxmlformats.org/officeDocument/2006/relationships/image" Target="../media/image11.png"/><Relationship Id="rId1" Type="http://schemas.openxmlformats.org/officeDocument/2006/relationships/tags" Target="../tags/tag7.xml"/><Relationship Id="rId6" Type="http://schemas.openxmlformats.org/officeDocument/2006/relationships/tags" Target="../tags/tag12.xml"/><Relationship Id="rId11" Type="http://schemas.openxmlformats.org/officeDocument/2006/relationships/image" Target="../media/image6.png"/><Relationship Id="rId5" Type="http://schemas.openxmlformats.org/officeDocument/2006/relationships/tags" Target="../tags/tag11.xml"/><Relationship Id="rId15" Type="http://schemas.openxmlformats.org/officeDocument/2006/relationships/image" Target="../media/image10.png"/><Relationship Id="rId10" Type="http://schemas.openxmlformats.org/officeDocument/2006/relationships/image" Target="../media/image5.png"/><Relationship Id="rId4" Type="http://schemas.openxmlformats.org/officeDocument/2006/relationships/tags" Target="../tags/tag10.xml"/><Relationship Id="rId9" Type="http://schemas.openxmlformats.org/officeDocument/2006/relationships/image" Target="../media/image4.png"/><Relationship Id="rId14" Type="http://schemas.openxmlformats.org/officeDocument/2006/relationships/image" Target="../media/image9.png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7.png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52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tags" Target="../tags/tag21.xml"/><Relationship Id="rId13" Type="http://schemas.openxmlformats.org/officeDocument/2006/relationships/hyperlink" Target="https://www.youtube.com/watch?v=QmgJmh2I3Fw" TargetMode="External"/><Relationship Id="rId18" Type="http://schemas.openxmlformats.org/officeDocument/2006/relationships/image" Target="../media/image12.png"/><Relationship Id="rId3" Type="http://schemas.openxmlformats.org/officeDocument/2006/relationships/tags" Target="../tags/tag16.xml"/><Relationship Id="rId7" Type="http://schemas.openxmlformats.org/officeDocument/2006/relationships/tags" Target="../tags/tag20.xml"/><Relationship Id="rId12" Type="http://schemas.openxmlformats.org/officeDocument/2006/relationships/image" Target="../media/image15.png"/><Relationship Id="rId17" Type="http://schemas.openxmlformats.org/officeDocument/2006/relationships/image" Target="../media/image19.png"/><Relationship Id="rId2" Type="http://schemas.openxmlformats.org/officeDocument/2006/relationships/tags" Target="../tags/tag15.xml"/><Relationship Id="rId16" Type="http://schemas.openxmlformats.org/officeDocument/2006/relationships/image" Target="../media/image18.png"/><Relationship Id="rId1" Type="http://schemas.openxmlformats.org/officeDocument/2006/relationships/tags" Target="../tags/tag14.xml"/><Relationship Id="rId6" Type="http://schemas.openxmlformats.org/officeDocument/2006/relationships/tags" Target="../tags/tag19.xml"/><Relationship Id="rId11" Type="http://schemas.openxmlformats.org/officeDocument/2006/relationships/image" Target="../media/image14.png"/><Relationship Id="rId5" Type="http://schemas.openxmlformats.org/officeDocument/2006/relationships/tags" Target="../tags/tag18.xml"/><Relationship Id="rId15" Type="http://schemas.openxmlformats.org/officeDocument/2006/relationships/image" Target="../media/image17.png"/><Relationship Id="rId10" Type="http://schemas.openxmlformats.org/officeDocument/2006/relationships/notesSlide" Target="../notesSlides/notesSlide1.xml"/><Relationship Id="rId4" Type="http://schemas.openxmlformats.org/officeDocument/2006/relationships/tags" Target="../tags/tag17.xml"/><Relationship Id="rId9" Type="http://schemas.openxmlformats.org/officeDocument/2006/relationships/slideLayout" Target="../slideLayouts/slideLayout2.xml"/><Relationship Id="rId14" Type="http://schemas.openxmlformats.org/officeDocument/2006/relationships/image" Target="../media/image16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22.xml"/><Relationship Id="rId4" Type="http://schemas.openxmlformats.org/officeDocument/2006/relationships/image" Target="../media/image20.png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tags" Target="../tags/tag24.xml"/><Relationship Id="rId1" Type="http://schemas.openxmlformats.org/officeDocument/2006/relationships/tags" Target="../tags/tag23.xml"/><Relationship Id="rId6" Type="http://schemas.openxmlformats.org/officeDocument/2006/relationships/image" Target="../media/image12.png"/><Relationship Id="rId5" Type="http://schemas.openxmlformats.org/officeDocument/2006/relationships/image" Target="../media/image20.png"/><Relationship Id="rId4" Type="http://schemas.openxmlformats.org/officeDocument/2006/relationships/notesSlide" Target="../notesSlides/notesSlide5.xml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tags" Target="../tags/tag32.xml"/><Relationship Id="rId13" Type="http://schemas.openxmlformats.org/officeDocument/2006/relationships/image" Target="../media/image21.png"/><Relationship Id="rId18" Type="http://schemas.openxmlformats.org/officeDocument/2006/relationships/image" Target="../media/image26.png"/><Relationship Id="rId3" Type="http://schemas.openxmlformats.org/officeDocument/2006/relationships/tags" Target="../tags/tag27.xml"/><Relationship Id="rId21" Type="http://schemas.openxmlformats.org/officeDocument/2006/relationships/image" Target="../media/image29.png"/><Relationship Id="rId7" Type="http://schemas.openxmlformats.org/officeDocument/2006/relationships/tags" Target="../tags/tag31.xml"/><Relationship Id="rId12" Type="http://schemas.openxmlformats.org/officeDocument/2006/relationships/notesSlide" Target="../notesSlides/notesSlide6.xml"/><Relationship Id="rId17" Type="http://schemas.openxmlformats.org/officeDocument/2006/relationships/image" Target="../media/image25.png"/><Relationship Id="rId2" Type="http://schemas.openxmlformats.org/officeDocument/2006/relationships/tags" Target="../tags/tag26.xml"/><Relationship Id="rId16" Type="http://schemas.openxmlformats.org/officeDocument/2006/relationships/image" Target="../media/image24.png"/><Relationship Id="rId20" Type="http://schemas.openxmlformats.org/officeDocument/2006/relationships/image" Target="../media/image28.png"/><Relationship Id="rId1" Type="http://schemas.openxmlformats.org/officeDocument/2006/relationships/tags" Target="../tags/tag25.xml"/><Relationship Id="rId6" Type="http://schemas.openxmlformats.org/officeDocument/2006/relationships/tags" Target="../tags/tag30.xml"/><Relationship Id="rId11" Type="http://schemas.openxmlformats.org/officeDocument/2006/relationships/slideLayout" Target="../slideLayouts/slideLayout2.xml"/><Relationship Id="rId5" Type="http://schemas.openxmlformats.org/officeDocument/2006/relationships/tags" Target="../tags/tag29.xml"/><Relationship Id="rId15" Type="http://schemas.openxmlformats.org/officeDocument/2006/relationships/image" Target="../media/image23.png"/><Relationship Id="rId10" Type="http://schemas.openxmlformats.org/officeDocument/2006/relationships/tags" Target="../tags/tag34.xml"/><Relationship Id="rId19" Type="http://schemas.openxmlformats.org/officeDocument/2006/relationships/image" Target="../media/image27.png"/><Relationship Id="rId4" Type="http://schemas.openxmlformats.org/officeDocument/2006/relationships/tags" Target="../tags/tag28.xml"/><Relationship Id="rId9" Type="http://schemas.openxmlformats.org/officeDocument/2006/relationships/tags" Target="../tags/tag33.xml"/><Relationship Id="rId14" Type="http://schemas.openxmlformats.org/officeDocument/2006/relationships/image" Target="../media/image22.png"/><Relationship Id="rId22" Type="http://schemas.openxmlformats.org/officeDocument/2006/relationships/image" Target="../media/image12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1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27205FBF-B121-7275-BB07-E12B436CE7A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1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7704DED4-3494-5424-4510-FEAB7C78DADF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pPr algn="ctr"/>
            <a:r>
              <a:rPr lang="de-DE" dirty="0"/>
              <a:t>Rainer Nitsche – 02/2024</a:t>
            </a:r>
          </a:p>
          <a:p>
            <a:pPr algn="ctr"/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D5F25300-1E2A-6827-75FF-725423E5E90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de-DE" dirty="0" err="1"/>
              <a:t>How-to</a:t>
            </a:r>
            <a:r>
              <a:rPr lang="de-DE" dirty="0"/>
              <a:t> Implement a DFT on a Real-Time System</a:t>
            </a:r>
          </a:p>
        </p:txBody>
      </p:sp>
      <p:pic>
        <p:nvPicPr>
          <p:cNvPr id="7" name="Inhaltsplatzhalter 6" descr="Ein Bild, das Entwurf, Reihe, Text, Diagramm enthält.&#10;&#10;Automatisch generierte Beschreibung">
            <a:extLst>
              <a:ext uri="{FF2B5EF4-FFF2-40B4-BE49-F238E27FC236}">
                <a16:creationId xmlns:a16="http://schemas.microsoft.com/office/drawing/2014/main" id="{77805399-0A93-B71E-E40C-08DC45313305}"/>
              </a:ext>
            </a:extLst>
          </p:cNvPr>
          <p:cNvPicPr>
            <a:picLocks noGrp="1" noChangeAspect="1"/>
          </p:cNvPicPr>
          <p:nvPr>
            <p:ph sz="quarter" idx="13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15887" y="2356513"/>
            <a:ext cx="4934732" cy="3454313"/>
          </a:xfrm>
        </p:spPr>
      </p:pic>
      <p:sp>
        <p:nvSpPr>
          <p:cNvPr id="8" name="Textfeld 7">
            <a:extLst>
              <a:ext uri="{FF2B5EF4-FFF2-40B4-BE49-F238E27FC236}">
                <a16:creationId xmlns:a16="http://schemas.microsoft.com/office/drawing/2014/main" id="{011285A8-6BA5-861C-5B43-17ADD1F28257}"/>
              </a:ext>
            </a:extLst>
          </p:cNvPr>
          <p:cNvSpPr txBox="1"/>
          <p:nvPr/>
        </p:nvSpPr>
        <p:spPr>
          <a:xfrm>
            <a:off x="250867" y="6071879"/>
            <a:ext cx="2664640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400" b="1" dirty="0" err="1"/>
              <a:t>Discrete</a:t>
            </a:r>
            <a:r>
              <a:rPr lang="de-DE" sz="1400" b="1" dirty="0"/>
              <a:t> Fourier Transform – DFT</a:t>
            </a:r>
          </a:p>
        </p:txBody>
      </p:sp>
    </p:spTree>
    <p:extLst>
      <p:ext uri="{BB962C8B-B14F-4D97-AF65-F5344CB8AC3E}">
        <p14:creationId xmlns:p14="http://schemas.microsoft.com/office/powerpoint/2010/main" val="159905862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Grafik 11">
            <a:extLst>
              <a:ext uri="{FF2B5EF4-FFF2-40B4-BE49-F238E27FC236}">
                <a16:creationId xmlns:a16="http://schemas.microsoft.com/office/drawing/2014/main" id="{F2FFE586-7C2B-1F21-B27C-D46560499AF3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5914" t="5059" r="6640" b="4860"/>
          <a:stretch/>
        </p:blipFill>
        <p:spPr>
          <a:xfrm>
            <a:off x="7073533" y="1675615"/>
            <a:ext cx="4635867" cy="4604535"/>
          </a:xfrm>
          <a:prstGeom prst="rect">
            <a:avLst/>
          </a:prstGeom>
        </p:spPr>
      </p:pic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F0CFA929-450D-2E84-67F4-6FB16585D0C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10</a:t>
            </a:fld>
            <a:endParaRPr lang="en-GB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846DAED9-F71E-66BC-6784-7F27588616F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Simulink </a:t>
            </a:r>
            <a:r>
              <a:rPr lang="de-DE" dirty="0" err="1"/>
              <a:t>Example</a:t>
            </a:r>
            <a:r>
              <a:rPr lang="de-DE" dirty="0"/>
              <a:t> - </a:t>
            </a:r>
            <a:r>
              <a:rPr lang="de-DE" dirty="0" err="1"/>
              <a:t>Results</a:t>
            </a:r>
            <a:endParaRPr lang="de-DE" dirty="0"/>
          </a:p>
        </p:txBody>
      </p:sp>
      <p:sp>
        <p:nvSpPr>
          <p:cNvPr id="8" name="Textfeld 7">
            <a:extLst>
              <a:ext uri="{FF2B5EF4-FFF2-40B4-BE49-F238E27FC236}">
                <a16:creationId xmlns:a16="http://schemas.microsoft.com/office/drawing/2014/main" id="{07DDA66F-301E-9709-6A55-78B53157DAC7}"/>
              </a:ext>
            </a:extLst>
          </p:cNvPr>
          <p:cNvSpPr txBox="1"/>
          <p:nvPr/>
        </p:nvSpPr>
        <p:spPr>
          <a:xfrm>
            <a:off x="406484" y="5900715"/>
            <a:ext cx="1439818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 err="1">
                <a:latin typeface="+mn-lt"/>
              </a:rPr>
              <a:t>Ts</a:t>
            </a:r>
            <a:r>
              <a:rPr lang="de-DE" sz="1600" dirty="0">
                <a:latin typeface="+mn-lt"/>
              </a:rPr>
              <a:t> = 1msec</a:t>
            </a:r>
            <a:br>
              <a:rPr lang="de-DE" sz="1600" dirty="0">
                <a:latin typeface="+mn-lt"/>
              </a:rPr>
            </a:br>
            <a:r>
              <a:rPr lang="de-DE" sz="1600" dirty="0" err="1">
                <a:latin typeface="+mn-lt"/>
              </a:rPr>
              <a:t>t_sim</a:t>
            </a:r>
            <a:r>
              <a:rPr lang="de-DE" sz="1600" dirty="0">
                <a:latin typeface="+mn-lt"/>
              </a:rPr>
              <a:t> = 10 sec</a:t>
            </a:r>
          </a:p>
        </p:txBody>
      </p:sp>
      <p:cxnSp>
        <p:nvCxnSpPr>
          <p:cNvPr id="11" name="Gerader Verbinder 10">
            <a:extLst>
              <a:ext uri="{FF2B5EF4-FFF2-40B4-BE49-F238E27FC236}">
                <a16:creationId xmlns:a16="http://schemas.microsoft.com/office/drawing/2014/main" id="{9350B333-7AC7-884A-F146-AE142A13E7AC}"/>
              </a:ext>
            </a:extLst>
          </p:cNvPr>
          <p:cNvCxnSpPr>
            <a:cxnSpLocks/>
          </p:cNvCxnSpPr>
          <p:nvPr/>
        </p:nvCxnSpPr>
        <p:spPr>
          <a:xfrm>
            <a:off x="9513251" y="2396234"/>
            <a:ext cx="1" cy="3595989"/>
          </a:xfrm>
          <a:prstGeom prst="line">
            <a:avLst/>
          </a:prstGeom>
          <a:ln w="22225"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feld 12">
            <a:extLst>
              <a:ext uri="{FF2B5EF4-FFF2-40B4-BE49-F238E27FC236}">
                <a16:creationId xmlns:a16="http://schemas.microsoft.com/office/drawing/2014/main" id="{A4C01185-6771-D2C3-4EA1-5475A13AC579}"/>
              </a:ext>
            </a:extLst>
          </p:cNvPr>
          <p:cNvSpPr txBox="1"/>
          <p:nvPr/>
        </p:nvSpPr>
        <p:spPr>
          <a:xfrm>
            <a:off x="8993141" y="1811459"/>
            <a:ext cx="1040221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DE" sz="1600" dirty="0" err="1">
                <a:solidFill>
                  <a:srgbClr val="FFC000"/>
                </a:solidFill>
                <a:latin typeface="+mn-lt"/>
              </a:rPr>
              <a:t>Nyquist</a:t>
            </a:r>
            <a:br>
              <a:rPr lang="de-DE" sz="1600" dirty="0">
                <a:solidFill>
                  <a:srgbClr val="FFC000"/>
                </a:solidFill>
                <a:latin typeface="+mn-lt"/>
              </a:rPr>
            </a:br>
            <a:r>
              <a:rPr lang="de-DE" sz="1600" dirty="0" err="1">
                <a:solidFill>
                  <a:srgbClr val="FFC000"/>
                </a:solidFill>
                <a:latin typeface="+mn-lt"/>
              </a:rPr>
              <a:t>frequency</a:t>
            </a:r>
            <a:endParaRPr lang="de-DE" sz="1600" dirty="0">
              <a:solidFill>
                <a:srgbClr val="FFC000"/>
              </a:solidFill>
              <a:latin typeface="+mn-lt"/>
            </a:endParaRPr>
          </a:p>
        </p:txBody>
      </p:sp>
      <p:grpSp>
        <p:nvGrpSpPr>
          <p:cNvPr id="10" name="Gruppieren 9">
            <a:extLst>
              <a:ext uri="{FF2B5EF4-FFF2-40B4-BE49-F238E27FC236}">
                <a16:creationId xmlns:a16="http://schemas.microsoft.com/office/drawing/2014/main" id="{A2B908AD-DD7B-5CA4-E705-955EF79B3757}"/>
              </a:ext>
            </a:extLst>
          </p:cNvPr>
          <p:cNvGrpSpPr/>
          <p:nvPr/>
        </p:nvGrpSpPr>
        <p:grpSpPr>
          <a:xfrm>
            <a:off x="307908" y="2416854"/>
            <a:ext cx="2682290" cy="2956842"/>
            <a:chOff x="307908" y="2416854"/>
            <a:chExt cx="2682290" cy="2956842"/>
          </a:xfrm>
        </p:grpSpPr>
        <p:pic>
          <p:nvPicPr>
            <p:cNvPr id="3" name="Grafik 2">
              <a:extLst>
                <a:ext uri="{FF2B5EF4-FFF2-40B4-BE49-F238E27FC236}">
                  <a16:creationId xmlns:a16="http://schemas.microsoft.com/office/drawing/2014/main" id="{9E57B70B-D9CE-746B-CC93-04CDE2D201C9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/>
            <a:srcRect r="52280"/>
            <a:stretch/>
          </p:blipFill>
          <p:spPr>
            <a:xfrm>
              <a:off x="307908" y="2416854"/>
              <a:ext cx="2682290" cy="2956842"/>
            </a:xfrm>
            <a:prstGeom prst="rect">
              <a:avLst/>
            </a:prstGeom>
          </p:spPr>
        </p:pic>
        <p:sp>
          <p:nvSpPr>
            <p:cNvPr id="9" name="Rechteck 8">
              <a:extLst>
                <a:ext uri="{FF2B5EF4-FFF2-40B4-BE49-F238E27FC236}">
                  <a16:creationId xmlns:a16="http://schemas.microsoft.com/office/drawing/2014/main" id="{D4F632F2-4332-C818-EFE6-221EF543E656}"/>
                </a:ext>
              </a:extLst>
            </p:cNvPr>
            <p:cNvSpPr/>
            <p:nvPr/>
          </p:nvSpPr>
          <p:spPr>
            <a:xfrm>
              <a:off x="1423851" y="2847703"/>
              <a:ext cx="52252" cy="14369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sz="1600" dirty="0"/>
            </a:p>
          </p:txBody>
        </p:sp>
      </p:grpSp>
      <p:pic>
        <p:nvPicPr>
          <p:cNvPr id="15" name="Grafik 14">
            <a:extLst>
              <a:ext uri="{FF2B5EF4-FFF2-40B4-BE49-F238E27FC236}">
                <a16:creationId xmlns:a16="http://schemas.microsoft.com/office/drawing/2014/main" id="{07C2CB95-B19B-47D7-1EC8-8D2D708FDAD6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l="3450" t="5770" r="2162" b="3272"/>
          <a:stretch/>
        </p:blipFill>
        <p:spPr>
          <a:xfrm>
            <a:off x="3111132" y="1932780"/>
            <a:ext cx="3962401" cy="2863851"/>
          </a:xfrm>
          <a:prstGeom prst="rect">
            <a:avLst/>
          </a:prstGeom>
        </p:spPr>
      </p:pic>
      <p:pic>
        <p:nvPicPr>
          <p:cNvPr id="17" name="Grafik 16">
            <a:extLst>
              <a:ext uri="{FF2B5EF4-FFF2-40B4-BE49-F238E27FC236}">
                <a16:creationId xmlns:a16="http://schemas.microsoft.com/office/drawing/2014/main" id="{ADFB5A30-2F2C-A4C8-0401-ED3DF55DBF66}"/>
              </a:ext>
            </a:extLst>
          </p:cNvPr>
          <p:cNvPicPr>
            <a:picLocks noChangeAspect="1"/>
          </p:cNvPicPr>
          <p:nvPr/>
        </p:nvPicPr>
        <p:blipFill rotWithShape="1">
          <a:blip r:embed="rId6"/>
          <a:srcRect l="4571" t="5069" r="1711" b="5157"/>
          <a:stretch/>
        </p:blipFill>
        <p:spPr>
          <a:xfrm>
            <a:off x="3111133" y="1882735"/>
            <a:ext cx="3962400" cy="295684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2007534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F0CFA929-450D-2E84-67F4-6FB16585D0C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11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569271E7-1DC3-3831-AF5E-6CC3C56820F8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846DAED9-F71E-66BC-6784-7F27588616F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dSpace</a:t>
            </a:r>
            <a:r>
              <a:rPr lang="de-DE" dirty="0"/>
              <a:t> </a:t>
            </a:r>
            <a:r>
              <a:rPr lang="de-DE" dirty="0" err="1"/>
              <a:t>Example</a:t>
            </a:r>
            <a:endParaRPr lang="de-DE" dirty="0"/>
          </a:p>
        </p:txBody>
      </p:sp>
      <p:pic>
        <p:nvPicPr>
          <p:cNvPr id="7" name="Grafik 6">
            <a:extLst>
              <a:ext uri="{FF2B5EF4-FFF2-40B4-BE49-F238E27FC236}">
                <a16:creationId xmlns:a16="http://schemas.microsoft.com/office/drawing/2014/main" id="{7AFEDF21-4134-EEC6-0BD8-3C606C5E71B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50867" y="1917226"/>
            <a:ext cx="9334500" cy="2480280"/>
          </a:xfrm>
          <a:prstGeom prst="rect">
            <a:avLst/>
          </a:prstGeom>
        </p:spPr>
      </p:pic>
      <p:sp>
        <p:nvSpPr>
          <p:cNvPr id="8" name="Ellipse 7">
            <a:extLst>
              <a:ext uri="{FF2B5EF4-FFF2-40B4-BE49-F238E27FC236}">
                <a16:creationId xmlns:a16="http://schemas.microsoft.com/office/drawing/2014/main" id="{D9E7EAB5-FA4D-ED01-04EF-670C893F72B3}"/>
              </a:ext>
            </a:extLst>
          </p:cNvPr>
          <p:cNvSpPr/>
          <p:nvPr/>
        </p:nvSpPr>
        <p:spPr>
          <a:xfrm>
            <a:off x="5168900" y="2901950"/>
            <a:ext cx="1079500" cy="711200"/>
          </a:xfrm>
          <a:prstGeom prst="ellipse">
            <a:avLst/>
          </a:prstGeom>
          <a:noFill/>
          <a:ln>
            <a:solidFill>
              <a:srgbClr val="FFC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cxnSp>
        <p:nvCxnSpPr>
          <p:cNvPr id="11" name="Gerade Verbindung mit Pfeil 10">
            <a:extLst>
              <a:ext uri="{FF2B5EF4-FFF2-40B4-BE49-F238E27FC236}">
                <a16:creationId xmlns:a16="http://schemas.microsoft.com/office/drawing/2014/main" id="{26F123D5-436E-8E86-C2C3-C945D7DEDA91}"/>
              </a:ext>
            </a:extLst>
          </p:cNvPr>
          <p:cNvCxnSpPr/>
          <p:nvPr/>
        </p:nvCxnSpPr>
        <p:spPr>
          <a:xfrm>
            <a:off x="5721350" y="3613150"/>
            <a:ext cx="685800" cy="1123950"/>
          </a:xfrm>
          <a:prstGeom prst="straightConnector1">
            <a:avLst/>
          </a:prstGeom>
          <a:ln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Textfeld 11">
            <a:extLst>
              <a:ext uri="{FF2B5EF4-FFF2-40B4-BE49-F238E27FC236}">
                <a16:creationId xmlns:a16="http://schemas.microsoft.com/office/drawing/2014/main" id="{B8EB3848-C36A-C683-25DA-B630FC818B6C}"/>
              </a:ext>
            </a:extLst>
          </p:cNvPr>
          <p:cNvSpPr txBox="1"/>
          <p:nvPr/>
        </p:nvSpPr>
        <p:spPr>
          <a:xfrm>
            <a:off x="250867" y="4863525"/>
            <a:ext cx="5495415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US" sz="1600" dirty="0" err="1">
                <a:effectLst/>
                <a:latin typeface="Helvetica" panose="020B0604020202020204" pitchFamily="34" charset="0"/>
              </a:rPr>
              <a:t>Mdl</a:t>
            </a:r>
            <a:r>
              <a:rPr lang="en-US" sz="1600" dirty="0">
                <a:effectLst/>
                <a:latin typeface="Helvetica" panose="020B0604020202020204" pitchFamily="34" charset="0"/>
              </a:rPr>
              <a:t>: FFT4dSpace_1.slx</a:t>
            </a:r>
            <a:endParaRPr lang="en-US" sz="1600" dirty="0">
              <a:effectLst/>
            </a:endParaRPr>
          </a:p>
          <a:p>
            <a:r>
              <a:rPr lang="en-US" sz="1600" dirty="0">
                <a:effectLst/>
                <a:latin typeface="Helvetica" panose="020B0604020202020204" pitchFamily="34" charset="0"/>
              </a:rPr>
              <a:t>path: C:\workspace\teachingSMC\FFT\dSpace\SCALEXIO</a:t>
            </a:r>
            <a:endParaRPr lang="de-DE" sz="1600" dirty="0">
              <a:latin typeface="+mn-lt"/>
            </a:endParaRPr>
          </a:p>
        </p:txBody>
      </p:sp>
      <p:sp>
        <p:nvSpPr>
          <p:cNvPr id="5" name="Textfeld 4">
            <a:extLst>
              <a:ext uri="{FF2B5EF4-FFF2-40B4-BE49-F238E27FC236}">
                <a16:creationId xmlns:a16="http://schemas.microsoft.com/office/drawing/2014/main" id="{DA269131-9570-A007-0037-6AB89470859A}"/>
              </a:ext>
            </a:extLst>
          </p:cNvPr>
          <p:cNvSpPr txBox="1"/>
          <p:nvPr/>
        </p:nvSpPr>
        <p:spPr>
          <a:xfrm>
            <a:off x="6185263" y="4970417"/>
            <a:ext cx="4225837" cy="132343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u="sng" dirty="0" err="1">
                <a:latin typeface="+mn-lt"/>
              </a:rPr>
              <a:t>Normalization</a:t>
            </a:r>
            <a:r>
              <a:rPr lang="de-DE" sz="1600" u="sng" dirty="0">
                <a:latin typeface="+mn-lt"/>
              </a:rPr>
              <a:t> </a:t>
            </a:r>
            <a:r>
              <a:rPr lang="de-DE" sz="1600" u="sng" dirty="0" err="1">
                <a:latin typeface="+mn-lt"/>
              </a:rPr>
              <a:t>of</a:t>
            </a:r>
            <a:r>
              <a:rPr lang="de-DE" sz="1600" u="sng" dirty="0">
                <a:latin typeface="+mn-lt"/>
              </a:rPr>
              <a:t> </a:t>
            </a:r>
            <a:r>
              <a:rPr lang="de-DE" sz="1600" u="sng" dirty="0" err="1">
                <a:latin typeface="+mn-lt"/>
              </a:rPr>
              <a:t>the</a:t>
            </a:r>
            <a:r>
              <a:rPr lang="de-DE" sz="1600" u="sng" dirty="0">
                <a:latin typeface="+mn-lt"/>
              </a:rPr>
              <a:t> </a:t>
            </a:r>
            <a:r>
              <a:rPr lang="de-DE" sz="1600" u="sng" dirty="0" err="1">
                <a:latin typeface="+mn-lt"/>
              </a:rPr>
              <a:t>amplitudes</a:t>
            </a:r>
            <a:r>
              <a:rPr lang="de-DE" sz="1600" u="sng" dirty="0">
                <a:latin typeface="+mn-lt"/>
              </a:rPr>
              <a:t>:</a:t>
            </a:r>
            <a:br>
              <a:rPr lang="de-DE" sz="1600" dirty="0">
                <a:latin typeface="+mn-lt"/>
              </a:rPr>
            </a:br>
            <a:r>
              <a:rPr lang="de-DE" sz="1600" dirty="0">
                <a:latin typeface="+mn-lt"/>
              </a:rPr>
              <a:t>- 1/</a:t>
            </a:r>
            <a:r>
              <a:rPr lang="de-DE" sz="1600" dirty="0" err="1">
                <a:latin typeface="+mn-lt"/>
              </a:rPr>
              <a:t>N_samples</a:t>
            </a:r>
            <a:br>
              <a:rPr lang="de-DE" sz="1600" dirty="0">
                <a:latin typeface="+mn-lt"/>
              </a:rPr>
            </a:br>
            <a:r>
              <a:rPr lang="de-DE" sz="1600" dirty="0">
                <a:latin typeface="+mn-lt"/>
              </a:rPr>
              <a:t>- </a:t>
            </a:r>
            <a:r>
              <a:rPr lang="de-DE" sz="1600" dirty="0" err="1">
                <a:latin typeface="+mn-lt"/>
              </a:rPr>
              <a:t>times</a:t>
            </a:r>
            <a:r>
              <a:rPr lang="de-DE" sz="1600" dirty="0">
                <a:latin typeface="+mn-lt"/>
              </a:rPr>
              <a:t> 2: </a:t>
            </a:r>
            <a:r>
              <a:rPr lang="de-DE" sz="1600" dirty="0" err="1">
                <a:latin typeface="+mn-lt"/>
              </a:rPr>
              <a:t>considering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only</a:t>
            </a:r>
            <a:r>
              <a:rPr lang="de-DE" sz="1600" dirty="0">
                <a:latin typeface="+mn-lt"/>
              </a:rPr>
              <a:t> half </a:t>
            </a:r>
            <a:r>
              <a:rPr lang="de-DE" sz="1600" dirty="0" err="1">
                <a:latin typeface="+mn-lt"/>
              </a:rPr>
              <a:t>of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the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spectrum</a:t>
            </a:r>
            <a:endParaRPr lang="de-DE" sz="1600" dirty="0">
              <a:latin typeface="+mn-lt"/>
            </a:endParaRPr>
          </a:p>
          <a:p>
            <a:r>
              <a:rPr lang="en-US" sz="1600" dirty="0">
                <a:latin typeface="+mn-lt"/>
              </a:rPr>
              <a:t>⇝</a:t>
            </a:r>
            <a:r>
              <a:rPr lang="de-DE" sz="1600" dirty="0">
                <a:latin typeface="+mn-lt"/>
              </a:rPr>
              <a:t> 1/(</a:t>
            </a:r>
            <a:r>
              <a:rPr lang="de-DE" sz="1600" dirty="0" err="1">
                <a:latin typeface="+mn-lt"/>
              </a:rPr>
              <a:t>N_samples</a:t>
            </a:r>
            <a:r>
              <a:rPr lang="de-DE" sz="1600" dirty="0">
                <a:latin typeface="+mn-lt"/>
              </a:rPr>
              <a:t> /2)</a:t>
            </a:r>
            <a:br>
              <a:rPr lang="de-DE" sz="1600" dirty="0">
                <a:latin typeface="+mn-lt"/>
              </a:rPr>
            </a:br>
            <a:r>
              <a:rPr lang="de-DE" sz="1600" dirty="0">
                <a:latin typeface="+mn-lt"/>
              </a:rPr>
              <a:t> </a:t>
            </a:r>
          </a:p>
        </p:txBody>
      </p:sp>
      <p:pic>
        <p:nvPicPr>
          <p:cNvPr id="6" name="Grafik 5">
            <a:extLst>
              <a:ext uri="{FF2B5EF4-FFF2-40B4-BE49-F238E27FC236}">
                <a16:creationId xmlns:a16="http://schemas.microsoft.com/office/drawing/2014/main" id="{8B0B6D98-70F6-2145-3D88-FBC0CC4EFD9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297009" y="1602276"/>
            <a:ext cx="621108" cy="13291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11227890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F0CFA929-450D-2E84-67F4-6FB16585D0C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12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569271E7-1DC3-3831-AF5E-6CC3C56820F8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846DAED9-F71E-66BC-6784-7F27588616F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dSpace</a:t>
            </a:r>
            <a:r>
              <a:rPr lang="de-DE" dirty="0"/>
              <a:t> </a:t>
            </a:r>
            <a:r>
              <a:rPr lang="de-DE" dirty="0" err="1"/>
              <a:t>Example</a:t>
            </a:r>
            <a:endParaRPr lang="de-DE" dirty="0"/>
          </a:p>
        </p:txBody>
      </p:sp>
      <p:sp>
        <p:nvSpPr>
          <p:cNvPr id="12" name="Textfeld 11">
            <a:extLst>
              <a:ext uri="{FF2B5EF4-FFF2-40B4-BE49-F238E27FC236}">
                <a16:creationId xmlns:a16="http://schemas.microsoft.com/office/drawing/2014/main" id="{B8EB3848-C36A-C683-25DA-B630FC818B6C}"/>
              </a:ext>
            </a:extLst>
          </p:cNvPr>
          <p:cNvSpPr txBox="1"/>
          <p:nvPr/>
        </p:nvSpPr>
        <p:spPr>
          <a:xfrm>
            <a:off x="250867" y="5568920"/>
            <a:ext cx="5495415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US" sz="1600" dirty="0" err="1">
                <a:effectLst/>
                <a:latin typeface="Helvetica" panose="020B0604020202020204" pitchFamily="34" charset="0"/>
              </a:rPr>
              <a:t>Mdl</a:t>
            </a:r>
            <a:r>
              <a:rPr lang="en-US" sz="1600" dirty="0">
                <a:effectLst/>
                <a:latin typeface="Helvetica" panose="020B0604020202020204" pitchFamily="34" charset="0"/>
              </a:rPr>
              <a:t>: FFT4dSpace_1.slx</a:t>
            </a:r>
            <a:endParaRPr lang="en-US" sz="1600" dirty="0">
              <a:effectLst/>
            </a:endParaRPr>
          </a:p>
          <a:p>
            <a:r>
              <a:rPr lang="en-US" sz="1600" dirty="0">
                <a:effectLst/>
                <a:latin typeface="Helvetica" panose="020B0604020202020204" pitchFamily="34" charset="0"/>
              </a:rPr>
              <a:t>path: C:\workspace\teachingSMC\FFT\dSpace\SCALEXIO</a:t>
            </a:r>
            <a:endParaRPr lang="de-DE" sz="1600" dirty="0">
              <a:latin typeface="+mn-lt"/>
            </a:endParaRPr>
          </a:p>
        </p:txBody>
      </p:sp>
      <p:pic>
        <p:nvPicPr>
          <p:cNvPr id="6" name="Grafik 5">
            <a:extLst>
              <a:ext uri="{FF2B5EF4-FFF2-40B4-BE49-F238E27FC236}">
                <a16:creationId xmlns:a16="http://schemas.microsoft.com/office/drawing/2014/main" id="{357B2091-078F-9E05-1E79-A73499A696A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415347" y="1909277"/>
            <a:ext cx="6258258" cy="3727345"/>
          </a:xfrm>
          <a:prstGeom prst="rect">
            <a:avLst/>
          </a:prstGeom>
        </p:spPr>
      </p:pic>
      <p:pic>
        <p:nvPicPr>
          <p:cNvPr id="5" name="Grafik 4">
            <a:extLst>
              <a:ext uri="{FF2B5EF4-FFF2-40B4-BE49-F238E27FC236}">
                <a16:creationId xmlns:a16="http://schemas.microsoft.com/office/drawing/2014/main" id="{F8762A81-316F-2730-0B3B-D23C2D204385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297009" y="1602276"/>
            <a:ext cx="621108" cy="13291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47409883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Rechteck 18">
            <a:extLst>
              <a:ext uri="{FF2B5EF4-FFF2-40B4-BE49-F238E27FC236}">
                <a16:creationId xmlns:a16="http://schemas.microsoft.com/office/drawing/2014/main" id="{B15317E9-12E7-B328-33CA-AF944D893572}"/>
              </a:ext>
            </a:extLst>
          </p:cNvPr>
          <p:cNvSpPr/>
          <p:nvPr/>
        </p:nvSpPr>
        <p:spPr>
          <a:xfrm>
            <a:off x="216128" y="5900057"/>
            <a:ext cx="4242745" cy="384628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18" name="Rechteck 17">
            <a:extLst>
              <a:ext uri="{FF2B5EF4-FFF2-40B4-BE49-F238E27FC236}">
                <a16:creationId xmlns:a16="http://schemas.microsoft.com/office/drawing/2014/main" id="{4428DA87-48A9-FEE9-047E-AC325C1C65DE}"/>
              </a:ext>
            </a:extLst>
          </p:cNvPr>
          <p:cNvSpPr/>
          <p:nvPr/>
        </p:nvSpPr>
        <p:spPr>
          <a:xfrm>
            <a:off x="9191158" y="1904225"/>
            <a:ext cx="2672324" cy="1097498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4DF0CCC7-CDBF-E3D4-6227-C605114A618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13</a:t>
            </a:fld>
            <a:endParaRPr lang="en-GB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B9898069-C4A5-5351-6D00-2281D2C4458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Summary</a:t>
            </a:r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36E1E50D-C85E-944D-5D25-D490822AB287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252413" y="1912481"/>
            <a:ext cx="11456987" cy="3960812"/>
          </a:xfrm>
        </p:spPr>
        <p:txBody>
          <a:bodyPr/>
          <a:lstStyle/>
          <a:p>
            <a:pPr marL="342900" indent="-342900"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en-US" sz="1600" dirty="0">
                <a:latin typeface="+mn-lt"/>
              </a:rPr>
              <a:t>Analyzing a time domain signal in the frequency domain ⇝ Fourier Transform</a:t>
            </a:r>
          </a:p>
          <a:p>
            <a:pPr marL="342900" indent="-342900"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en-US" sz="1600" dirty="0">
                <a:latin typeface="+mn-lt"/>
              </a:rPr>
              <a:t>The fast Fourier transform (FFT) is an efficient method to compute a discrete Fourier transform (DFT)</a:t>
            </a:r>
          </a:p>
          <a:p>
            <a:pPr marL="342900" indent="-342900"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en-US" dirty="0"/>
              <a:t>Nyquist frequency (highest frequency to be detected):</a:t>
            </a:r>
          </a:p>
          <a:p>
            <a:pPr marL="342900" indent="-342900"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de-DE" sz="1600" dirty="0" err="1">
                <a:latin typeface="+mn-lt"/>
              </a:rPr>
              <a:t>Frequency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resolution</a:t>
            </a:r>
            <a:r>
              <a:rPr lang="de-DE" sz="1600" dirty="0">
                <a:latin typeface="+mn-lt"/>
              </a:rPr>
              <a:t> (bin </a:t>
            </a:r>
            <a:r>
              <a:rPr lang="de-DE" sz="1600" dirty="0" err="1">
                <a:latin typeface="+mn-lt"/>
              </a:rPr>
              <a:t>width</a:t>
            </a:r>
            <a:r>
              <a:rPr lang="de-DE" sz="1600" dirty="0">
                <a:latin typeface="+mn-lt"/>
              </a:rPr>
              <a:t>):</a:t>
            </a:r>
          </a:p>
          <a:p>
            <a:pPr marL="342900" indent="-342900"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de-DE" dirty="0" err="1"/>
              <a:t>One-sided</a:t>
            </a:r>
            <a:r>
              <a:rPr lang="de-DE" dirty="0"/>
              <a:t> FFT </a:t>
            </a:r>
            <a:r>
              <a:rPr lang="de-DE" dirty="0" err="1"/>
              <a:t>is</a:t>
            </a:r>
            <a:r>
              <a:rPr lang="de-DE" dirty="0"/>
              <a:t> </a:t>
            </a:r>
            <a:r>
              <a:rPr lang="de-DE" dirty="0" err="1"/>
              <a:t>sufficient</a:t>
            </a:r>
            <a:r>
              <a:rPr lang="de-DE" dirty="0"/>
              <a:t> </a:t>
            </a:r>
            <a:r>
              <a:rPr lang="de-DE" dirty="0" err="1"/>
              <a:t>if</a:t>
            </a:r>
            <a:r>
              <a:rPr lang="de-DE" dirty="0"/>
              <a:t> </a:t>
            </a:r>
            <a:r>
              <a:rPr lang="de-DE" dirty="0" err="1"/>
              <a:t>one</a:t>
            </a:r>
            <a:r>
              <a:rPr lang="de-DE" dirty="0"/>
              <a:t> </a:t>
            </a:r>
            <a:r>
              <a:rPr lang="de-DE" dirty="0" err="1"/>
              <a:t>is</a:t>
            </a:r>
            <a:r>
              <a:rPr lang="de-DE" dirty="0"/>
              <a:t> </a:t>
            </a:r>
            <a:r>
              <a:rPr lang="de-DE" dirty="0" err="1"/>
              <a:t>only</a:t>
            </a:r>
            <a:r>
              <a:rPr lang="de-DE" dirty="0"/>
              <a:t> </a:t>
            </a:r>
            <a:r>
              <a:rPr lang="de-DE" dirty="0" err="1"/>
              <a:t>interested</a:t>
            </a:r>
            <a:r>
              <a:rPr lang="de-DE" dirty="0"/>
              <a:t> in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identifying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frequencies</a:t>
            </a:r>
            <a:endParaRPr lang="de-DE" dirty="0"/>
          </a:p>
          <a:p>
            <a:pPr marL="342900" indent="-342900"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de-DE" dirty="0"/>
              <a:t>Use </a:t>
            </a:r>
            <a:r>
              <a:rPr lang="de-DE" dirty="0" err="1"/>
              <a:t>even</a:t>
            </a:r>
            <a:r>
              <a:rPr lang="de-DE" dirty="0"/>
              <a:t> </a:t>
            </a:r>
            <a:r>
              <a:rPr lang="de-DE" dirty="0" err="1"/>
              <a:t>number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samples</a:t>
            </a:r>
            <a:r>
              <a:rPr lang="de-DE" dirty="0"/>
              <a:t> N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have</a:t>
            </a:r>
            <a:r>
              <a:rPr lang="de-DE" dirty="0"/>
              <a:t> a </a:t>
            </a:r>
            <a:r>
              <a:rPr lang="de-DE" dirty="0" err="1"/>
              <a:t>clear</a:t>
            </a:r>
            <a:r>
              <a:rPr lang="de-DE" dirty="0"/>
              <a:t> </a:t>
            </a:r>
            <a:r>
              <a:rPr lang="de-DE" dirty="0" err="1"/>
              <a:t>Nyquist</a:t>
            </a:r>
            <a:r>
              <a:rPr lang="de-DE" dirty="0"/>
              <a:t> </a:t>
            </a:r>
            <a:r>
              <a:rPr lang="de-DE" dirty="0" err="1"/>
              <a:t>frequency</a:t>
            </a:r>
            <a:r>
              <a:rPr lang="de-DE" dirty="0"/>
              <a:t>:</a:t>
            </a:r>
            <a:br>
              <a:rPr lang="de-DE" dirty="0"/>
            </a:br>
            <a:endParaRPr lang="de-DE" dirty="0"/>
          </a:p>
          <a:p>
            <a:pPr marL="0" indent="0">
              <a:spcAft>
                <a:spcPts val="1200"/>
              </a:spcAft>
              <a:buNone/>
            </a:pPr>
            <a:r>
              <a:rPr lang="de-DE" b="1" dirty="0"/>
              <a:t>Note </a:t>
            </a:r>
            <a:r>
              <a:rPr lang="de-DE" b="1" dirty="0" err="1"/>
              <a:t>considered</a:t>
            </a:r>
            <a:r>
              <a:rPr lang="de-DE" b="1" dirty="0"/>
              <a:t> </a:t>
            </a:r>
            <a:r>
              <a:rPr lang="de-DE" b="1" dirty="0" err="1"/>
              <a:t>here</a:t>
            </a:r>
            <a:r>
              <a:rPr lang="de-DE" b="1" dirty="0"/>
              <a:t>:</a:t>
            </a:r>
          </a:p>
          <a:p>
            <a:pPr marL="342900" indent="-342900"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de-DE" dirty="0" err="1"/>
              <a:t>Leackage</a:t>
            </a:r>
            <a:r>
              <a:rPr lang="de-DE" dirty="0"/>
              <a:t> </a:t>
            </a:r>
            <a:r>
              <a:rPr lang="de-DE" dirty="0" err="1"/>
              <a:t>effect</a:t>
            </a:r>
            <a:r>
              <a:rPr lang="de-DE" dirty="0"/>
              <a:t> due </a:t>
            </a:r>
            <a:r>
              <a:rPr lang="de-DE" dirty="0" err="1"/>
              <a:t>to</a:t>
            </a:r>
            <a:r>
              <a:rPr lang="de-DE" dirty="0"/>
              <a:t> finite </a:t>
            </a:r>
            <a:r>
              <a:rPr lang="de-DE" dirty="0" err="1"/>
              <a:t>samples</a:t>
            </a:r>
            <a:endParaRPr lang="de-DE" dirty="0"/>
          </a:p>
          <a:p>
            <a:pPr marL="0" indent="0">
              <a:spcAft>
                <a:spcPts val="1200"/>
              </a:spcAft>
              <a:buNone/>
            </a:pPr>
            <a:r>
              <a:rPr lang="de-DE" dirty="0" err="1">
                <a:solidFill>
                  <a:schemeClr val="accent4"/>
                </a:solidFill>
              </a:rPr>
              <a:t>Only</a:t>
            </a:r>
            <a:r>
              <a:rPr lang="de-DE" dirty="0"/>
              <a:t> </a:t>
            </a:r>
            <a:r>
              <a:rPr lang="de-DE" dirty="0" err="1">
                <a:solidFill>
                  <a:schemeClr val="accent4"/>
                </a:solidFill>
              </a:rPr>
              <a:t>one</a:t>
            </a:r>
            <a:r>
              <a:rPr lang="de-DE" dirty="0"/>
              <a:t> DSP Signal Processing </a:t>
            </a:r>
            <a:r>
              <a:rPr lang="de-DE" dirty="0" err="1"/>
              <a:t>License@Festo</a:t>
            </a:r>
            <a:r>
              <a:rPr lang="de-DE" dirty="0"/>
              <a:t> !</a:t>
            </a:r>
          </a:p>
        </p:txBody>
      </p:sp>
      <p:pic>
        <p:nvPicPr>
          <p:cNvPr id="25" name="Grafik 24">
            <a:extLst>
              <a:ext uri="{FF2B5EF4-FFF2-40B4-BE49-F238E27FC236}">
                <a16:creationId xmlns:a16="http://schemas.microsoft.com/office/drawing/2014/main" id="{AD3DEE69-5F0D-4EB8-EBBC-4B13FCD136E4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90470" y="2841649"/>
            <a:ext cx="1352700" cy="281972"/>
          </a:xfrm>
          <a:prstGeom prst="rect">
            <a:avLst/>
          </a:prstGeom>
        </p:spPr>
      </p:pic>
      <p:pic>
        <p:nvPicPr>
          <p:cNvPr id="26" name="Grafik 25">
            <a:extLst>
              <a:ext uri="{FF2B5EF4-FFF2-40B4-BE49-F238E27FC236}">
                <a16:creationId xmlns:a16="http://schemas.microsoft.com/office/drawing/2014/main" id="{43CFF82E-5410-EB53-E2A8-4DB614C38F43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06848" y="3294682"/>
            <a:ext cx="888310" cy="317194"/>
          </a:xfrm>
          <a:prstGeom prst="rect">
            <a:avLst/>
          </a:prstGeom>
        </p:spPr>
      </p:pic>
      <p:grpSp>
        <p:nvGrpSpPr>
          <p:cNvPr id="73" name="Gruppieren 72">
            <a:extLst>
              <a:ext uri="{FF2B5EF4-FFF2-40B4-BE49-F238E27FC236}">
                <a16:creationId xmlns:a16="http://schemas.microsoft.com/office/drawing/2014/main" id="{E20E6512-E088-4E2A-8868-56217ACF8E99}"/>
              </a:ext>
            </a:extLst>
          </p:cNvPr>
          <p:cNvGrpSpPr/>
          <p:nvPr/>
        </p:nvGrpSpPr>
        <p:grpSpPr>
          <a:xfrm>
            <a:off x="9191158" y="3504963"/>
            <a:ext cx="2392998" cy="2035274"/>
            <a:chOff x="5797725" y="3999918"/>
            <a:chExt cx="2392998" cy="2035274"/>
          </a:xfrm>
        </p:grpSpPr>
        <p:grpSp>
          <p:nvGrpSpPr>
            <p:cNvPr id="50" name="Gruppieren 49">
              <a:extLst>
                <a:ext uri="{FF2B5EF4-FFF2-40B4-BE49-F238E27FC236}">
                  <a16:creationId xmlns:a16="http://schemas.microsoft.com/office/drawing/2014/main" id="{30FB112C-CB78-2ECC-70B2-20D9A9C171FB}"/>
                </a:ext>
              </a:extLst>
            </p:cNvPr>
            <p:cNvGrpSpPr/>
            <p:nvPr/>
          </p:nvGrpSpPr>
          <p:grpSpPr>
            <a:xfrm>
              <a:off x="5848199" y="5296149"/>
              <a:ext cx="2318544" cy="739043"/>
              <a:chOff x="8826520" y="5296149"/>
              <a:chExt cx="2318544" cy="739043"/>
            </a:xfrm>
          </p:grpSpPr>
          <p:sp>
            <p:nvSpPr>
              <p:cNvPr id="51" name="Textfeld 50">
                <a:extLst>
                  <a:ext uri="{FF2B5EF4-FFF2-40B4-BE49-F238E27FC236}">
                    <a16:creationId xmlns:a16="http://schemas.microsoft.com/office/drawing/2014/main" id="{4A2C4FB0-1DC3-7F6D-8669-3C59C4E95CF1}"/>
                  </a:ext>
                </a:extLst>
              </p:cNvPr>
              <p:cNvSpPr txBox="1"/>
              <p:nvPr/>
            </p:nvSpPr>
            <p:spPr>
              <a:xfrm>
                <a:off x="10546438" y="5296149"/>
                <a:ext cx="373820" cy="246221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r>
                  <a:rPr lang="de-DE" sz="1000" dirty="0">
                    <a:latin typeface="+mn-lt"/>
                  </a:rPr>
                  <a:t>N-1</a:t>
                </a:r>
              </a:p>
            </p:txBody>
          </p:sp>
          <p:pic>
            <p:nvPicPr>
              <p:cNvPr id="52" name="Grafik 51">
                <a:extLst>
                  <a:ext uri="{FF2B5EF4-FFF2-40B4-BE49-F238E27FC236}">
                    <a16:creationId xmlns:a16="http://schemas.microsoft.com/office/drawing/2014/main" id="{B5661A5F-E629-05B3-F23D-738E8F510A08}"/>
                  </a:ext>
                </a:extLst>
              </p:cNvPr>
              <p:cNvPicPr>
                <a:picLocks noChangeAspect="1"/>
              </p:cNvPicPr>
              <p:nvPr>
                <p:custDataLst>
                  <p:tags r:id="rId5"/>
                </p:custDataLst>
              </p:nvPr>
            </p:nvPicPr>
            <p:blipFill>
              <a:blip r:embed="rId1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8927163" y="5844130"/>
                <a:ext cx="279911" cy="191062"/>
              </a:xfrm>
              <a:prstGeom prst="rect">
                <a:avLst/>
              </a:prstGeom>
            </p:spPr>
          </p:pic>
          <p:sp>
            <p:nvSpPr>
              <p:cNvPr id="53" name="Geschweifte Klammer rechts 52">
                <a:extLst>
                  <a:ext uri="{FF2B5EF4-FFF2-40B4-BE49-F238E27FC236}">
                    <a16:creationId xmlns:a16="http://schemas.microsoft.com/office/drawing/2014/main" id="{615FD68F-DF8D-C6AC-13B0-263DC00C23E0}"/>
                  </a:ext>
                </a:extLst>
              </p:cNvPr>
              <p:cNvSpPr/>
              <p:nvPr/>
            </p:nvSpPr>
            <p:spPr>
              <a:xfrm rot="5400000">
                <a:off x="8968205" y="5624199"/>
                <a:ext cx="69743" cy="235301"/>
              </a:xfrm>
              <a:prstGeom prst="rightBrace">
                <a:avLst>
                  <a:gd name="adj1" fmla="val 52719"/>
                  <a:gd name="adj2" fmla="val 50000"/>
                </a:avLst>
              </a:prstGeom>
              <a:ln>
                <a:solidFill>
                  <a:schemeClr val="tx2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  <p:txBody>
              <a:bodyPr rtlCol="0" anchor="ctr"/>
              <a:lstStyle/>
              <a:p>
                <a:pPr algn="ctr"/>
                <a:endParaRPr lang="de-DE"/>
              </a:p>
            </p:txBody>
          </p:sp>
          <p:pic>
            <p:nvPicPr>
              <p:cNvPr id="54" name="Grafik 53">
                <a:extLst>
                  <a:ext uri="{FF2B5EF4-FFF2-40B4-BE49-F238E27FC236}">
                    <a16:creationId xmlns:a16="http://schemas.microsoft.com/office/drawing/2014/main" id="{58C45346-6A25-5EA5-2EA3-9622229663F0}"/>
                  </a:ext>
                </a:extLst>
              </p:cNvPr>
              <p:cNvPicPr>
                <a:picLocks noChangeAspect="1"/>
              </p:cNvPicPr>
              <p:nvPr>
                <p:custDataLst>
                  <p:tags r:id="rId6"/>
                </p:custDataLst>
              </p:nvPr>
            </p:nvPicPr>
            <p:blipFill>
              <a:blip r:embed="rId13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8826520" y="5547367"/>
                <a:ext cx="590297" cy="114404"/>
              </a:xfrm>
              <a:prstGeom prst="rect">
                <a:avLst/>
              </a:prstGeom>
            </p:spPr>
          </p:pic>
          <p:pic>
            <p:nvPicPr>
              <p:cNvPr id="55" name="Grafik 54">
                <a:extLst>
                  <a:ext uri="{FF2B5EF4-FFF2-40B4-BE49-F238E27FC236}">
                    <a16:creationId xmlns:a16="http://schemas.microsoft.com/office/drawing/2014/main" id="{C8271247-6A76-50FA-A96D-92D9AF987934}"/>
                  </a:ext>
                </a:extLst>
              </p:cNvPr>
              <p:cNvPicPr>
                <a:picLocks noChangeAspect="1"/>
              </p:cNvPicPr>
              <p:nvPr>
                <p:custDataLst>
                  <p:tags r:id="rId7"/>
                </p:custDataLst>
              </p:nvPr>
            </p:nvPicPr>
            <p:blipFill>
              <a:blip r:embed="rId14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10920258" y="5541200"/>
                <a:ext cx="224806" cy="126263"/>
              </a:xfrm>
              <a:prstGeom prst="rect">
                <a:avLst/>
              </a:prstGeom>
            </p:spPr>
          </p:pic>
          <p:pic>
            <p:nvPicPr>
              <p:cNvPr id="56" name="Grafik 55">
                <a:extLst>
                  <a:ext uri="{FF2B5EF4-FFF2-40B4-BE49-F238E27FC236}">
                    <a16:creationId xmlns:a16="http://schemas.microsoft.com/office/drawing/2014/main" id="{F94AC043-230E-9FCE-4351-0266837FE964}"/>
                  </a:ext>
                </a:extLst>
              </p:cNvPr>
              <p:cNvPicPr>
                <a:picLocks noChangeAspect="1"/>
              </p:cNvPicPr>
              <p:nvPr>
                <p:custDataLst>
                  <p:tags r:id="rId8"/>
                </p:custDataLst>
              </p:nvPr>
            </p:nvPicPr>
            <p:blipFill>
              <a:blip r:embed="rId15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9650395" y="5537798"/>
                <a:ext cx="799126" cy="136086"/>
              </a:xfrm>
              <a:prstGeom prst="rect">
                <a:avLst/>
              </a:prstGeom>
            </p:spPr>
          </p:pic>
        </p:grpSp>
        <p:grpSp>
          <p:nvGrpSpPr>
            <p:cNvPr id="57" name="Gruppieren 56">
              <a:extLst>
                <a:ext uri="{FF2B5EF4-FFF2-40B4-BE49-F238E27FC236}">
                  <a16:creationId xmlns:a16="http://schemas.microsoft.com/office/drawing/2014/main" id="{B5BCE8BE-60F1-E19F-5927-A1E27850636D}"/>
                </a:ext>
              </a:extLst>
            </p:cNvPr>
            <p:cNvGrpSpPr/>
            <p:nvPr/>
          </p:nvGrpSpPr>
          <p:grpSpPr>
            <a:xfrm>
              <a:off x="5797725" y="3999918"/>
              <a:ext cx="2392998" cy="1520382"/>
              <a:chOff x="8776046" y="3999918"/>
              <a:chExt cx="2392998" cy="1520382"/>
            </a:xfrm>
          </p:grpSpPr>
          <p:cxnSp>
            <p:nvCxnSpPr>
              <p:cNvPr id="58" name="Gerade Verbindung mit Pfeil 57">
                <a:extLst>
                  <a:ext uri="{FF2B5EF4-FFF2-40B4-BE49-F238E27FC236}">
                    <a16:creationId xmlns:a16="http://schemas.microsoft.com/office/drawing/2014/main" id="{4D7262D6-718F-BAED-118B-9E647B62CF1E}"/>
                  </a:ext>
                </a:extLst>
              </p:cNvPr>
              <p:cNvCxnSpPr/>
              <p:nvPr/>
            </p:nvCxnSpPr>
            <p:spPr>
              <a:xfrm>
                <a:off x="8911187" y="5281759"/>
                <a:ext cx="2135777" cy="0"/>
              </a:xfrm>
              <a:prstGeom prst="straightConnector1">
                <a:avLst/>
              </a:prstGeom>
              <a:ln w="19050">
                <a:solidFill>
                  <a:schemeClr val="tx2"/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9" name="Gerade Verbindung mit Pfeil 58">
                <a:extLst>
                  <a:ext uri="{FF2B5EF4-FFF2-40B4-BE49-F238E27FC236}">
                    <a16:creationId xmlns:a16="http://schemas.microsoft.com/office/drawing/2014/main" id="{F5E697A2-3468-8A3C-23A8-A78E2DEC5079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8919896" y="4235702"/>
                <a:ext cx="0" cy="1046057"/>
              </a:xfrm>
              <a:prstGeom prst="straightConnector1">
                <a:avLst/>
              </a:prstGeom>
              <a:ln w="19050">
                <a:solidFill>
                  <a:schemeClr val="tx2"/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60" name="Textfeld 59">
                <a:extLst>
                  <a:ext uri="{FF2B5EF4-FFF2-40B4-BE49-F238E27FC236}">
                    <a16:creationId xmlns:a16="http://schemas.microsoft.com/office/drawing/2014/main" id="{4B5B26FC-EB66-92EA-08E5-E4943401553C}"/>
                  </a:ext>
                </a:extLst>
              </p:cNvPr>
              <p:cNvSpPr txBox="1"/>
              <p:nvPr/>
            </p:nvSpPr>
            <p:spPr>
              <a:xfrm>
                <a:off x="8793098" y="5274079"/>
                <a:ext cx="954107" cy="246221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r>
                  <a:rPr lang="de-DE" sz="1000" dirty="0">
                    <a:latin typeface="+mn-lt"/>
                  </a:rPr>
                  <a:t>0     1    2    . . . </a:t>
                </a:r>
              </a:p>
            </p:txBody>
          </p:sp>
          <p:sp>
            <p:nvSpPr>
              <p:cNvPr id="61" name="Textfeld 60">
                <a:extLst>
                  <a:ext uri="{FF2B5EF4-FFF2-40B4-BE49-F238E27FC236}">
                    <a16:creationId xmlns:a16="http://schemas.microsoft.com/office/drawing/2014/main" id="{E8F8B62F-5A38-A68C-7BA6-3012B495C60D}"/>
                  </a:ext>
                </a:extLst>
              </p:cNvPr>
              <p:cNvSpPr txBox="1"/>
              <p:nvPr/>
            </p:nvSpPr>
            <p:spPr>
              <a:xfrm>
                <a:off x="10920258" y="5274078"/>
                <a:ext cx="248786" cy="246221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r>
                  <a:rPr lang="de-DE" sz="1000" dirty="0">
                    <a:latin typeface="+mn-lt"/>
                  </a:rPr>
                  <a:t>k</a:t>
                </a:r>
              </a:p>
            </p:txBody>
          </p:sp>
          <p:cxnSp>
            <p:nvCxnSpPr>
              <p:cNvPr id="62" name="Gerader Verbinder 61">
                <a:extLst>
                  <a:ext uri="{FF2B5EF4-FFF2-40B4-BE49-F238E27FC236}">
                    <a16:creationId xmlns:a16="http://schemas.microsoft.com/office/drawing/2014/main" id="{1992BF8C-B97F-8612-F9C6-08A83319B0B0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8922019" y="4974352"/>
                <a:ext cx="0" cy="299726"/>
              </a:xfrm>
              <a:prstGeom prst="line">
                <a:avLst/>
              </a:prstGeom>
              <a:ln w="15875">
                <a:solidFill>
                  <a:srgbClr val="00B050"/>
                </a:solidFill>
                <a:tailEnd type="oval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63" name="Gerader Verbinder 62">
                <a:extLst>
                  <a:ext uri="{FF2B5EF4-FFF2-40B4-BE49-F238E27FC236}">
                    <a16:creationId xmlns:a16="http://schemas.microsoft.com/office/drawing/2014/main" id="{6CCDA8C6-0B21-A9EA-092A-3661CDD66EEE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9319437" y="5017881"/>
                <a:ext cx="0" cy="256197"/>
              </a:xfrm>
              <a:prstGeom prst="line">
                <a:avLst/>
              </a:prstGeom>
              <a:ln w="15875">
                <a:solidFill>
                  <a:schemeClr val="accent6">
                    <a:lumMod val="75000"/>
                  </a:schemeClr>
                </a:solidFill>
                <a:tailEnd type="oval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64" name="Gerader Verbinder 63">
                <a:extLst>
                  <a:ext uri="{FF2B5EF4-FFF2-40B4-BE49-F238E27FC236}">
                    <a16:creationId xmlns:a16="http://schemas.microsoft.com/office/drawing/2014/main" id="{1F6956AF-C6EE-C20B-F00A-0ABCBE79574A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9518146" y="5106146"/>
                <a:ext cx="0" cy="167932"/>
              </a:xfrm>
              <a:prstGeom prst="line">
                <a:avLst/>
              </a:prstGeom>
              <a:ln w="15875">
                <a:solidFill>
                  <a:srgbClr val="7030A0"/>
                </a:solidFill>
                <a:tailEnd type="oval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65" name="Gerader Verbinder 64">
                <a:extLst>
                  <a:ext uri="{FF2B5EF4-FFF2-40B4-BE49-F238E27FC236}">
                    <a16:creationId xmlns:a16="http://schemas.microsoft.com/office/drawing/2014/main" id="{13952C25-25EA-7375-9428-439C3E0653E9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9716855" y="5053013"/>
                <a:ext cx="0" cy="221065"/>
              </a:xfrm>
              <a:prstGeom prst="line">
                <a:avLst/>
              </a:prstGeom>
              <a:ln w="15875">
                <a:solidFill>
                  <a:schemeClr val="accent6">
                    <a:lumMod val="50000"/>
                  </a:schemeClr>
                </a:solidFill>
                <a:tailEnd type="oval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66" name="Gerader Verbinder 65">
                <a:extLst>
                  <a:ext uri="{FF2B5EF4-FFF2-40B4-BE49-F238E27FC236}">
                    <a16:creationId xmlns:a16="http://schemas.microsoft.com/office/drawing/2014/main" id="{8E2CCA67-6D66-7998-7277-8CD2BEBB8F9D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9915564" y="5179423"/>
                <a:ext cx="0" cy="94655"/>
              </a:xfrm>
              <a:prstGeom prst="line">
                <a:avLst/>
              </a:prstGeom>
              <a:ln w="15875">
                <a:solidFill>
                  <a:srgbClr val="FFC000"/>
                </a:solidFill>
                <a:tailEnd type="oval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67" name="Gerader Verbinder 66">
                <a:extLst>
                  <a:ext uri="{FF2B5EF4-FFF2-40B4-BE49-F238E27FC236}">
                    <a16:creationId xmlns:a16="http://schemas.microsoft.com/office/drawing/2014/main" id="{F50C4F98-E91C-817E-D9D2-52B9A95E25F3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9120728" y="4322556"/>
                <a:ext cx="0" cy="951522"/>
              </a:xfrm>
              <a:prstGeom prst="line">
                <a:avLst/>
              </a:prstGeom>
              <a:ln w="15875">
                <a:solidFill>
                  <a:schemeClr val="accent4"/>
                </a:solidFill>
                <a:tailEnd type="oval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pic>
            <p:nvPicPr>
              <p:cNvPr id="68" name="Grafik 67">
                <a:extLst>
                  <a:ext uri="{FF2B5EF4-FFF2-40B4-BE49-F238E27FC236}">
                    <a16:creationId xmlns:a16="http://schemas.microsoft.com/office/drawing/2014/main" id="{9B7C9503-73C5-9ADA-2377-0DDA83AE9020}"/>
                  </a:ext>
                </a:extLst>
              </p:cNvPr>
              <p:cNvPicPr>
                <a:picLocks noChangeAspect="1"/>
              </p:cNvPicPr>
              <p:nvPr>
                <p:custDataLst>
                  <p:tags r:id="rId4"/>
                </p:custDataLst>
              </p:nvPr>
            </p:nvPicPr>
            <p:blipFill>
              <a:blip r:embed="rId16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8776046" y="3999918"/>
                <a:ext cx="287700" cy="239107"/>
              </a:xfrm>
              <a:prstGeom prst="rect">
                <a:avLst/>
              </a:prstGeom>
            </p:spPr>
          </p:pic>
          <p:cxnSp>
            <p:nvCxnSpPr>
              <p:cNvPr id="69" name="Gerader Verbinder 68">
                <a:extLst>
                  <a:ext uri="{FF2B5EF4-FFF2-40B4-BE49-F238E27FC236}">
                    <a16:creationId xmlns:a16="http://schemas.microsoft.com/office/drawing/2014/main" id="{FE42B398-279E-B8CC-95C4-BB744468956C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10710402" y="4322556"/>
                <a:ext cx="0" cy="951522"/>
              </a:xfrm>
              <a:prstGeom prst="line">
                <a:avLst/>
              </a:prstGeom>
              <a:ln w="15875">
                <a:solidFill>
                  <a:schemeClr val="accent4"/>
                </a:solidFill>
                <a:tailEnd type="oval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70" name="Gerader Verbinder 69">
                <a:extLst>
                  <a:ext uri="{FF2B5EF4-FFF2-40B4-BE49-F238E27FC236}">
                    <a16:creationId xmlns:a16="http://schemas.microsoft.com/office/drawing/2014/main" id="{3680D686-EAD3-EDA2-5CAD-DEF0D5952373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10511691" y="5017881"/>
                <a:ext cx="0" cy="256197"/>
              </a:xfrm>
              <a:prstGeom prst="line">
                <a:avLst/>
              </a:prstGeom>
              <a:ln w="15875">
                <a:solidFill>
                  <a:schemeClr val="accent6">
                    <a:lumMod val="75000"/>
                  </a:schemeClr>
                </a:solidFill>
                <a:tailEnd type="oval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71" name="Gerader Verbinder 70">
                <a:extLst>
                  <a:ext uri="{FF2B5EF4-FFF2-40B4-BE49-F238E27FC236}">
                    <a16:creationId xmlns:a16="http://schemas.microsoft.com/office/drawing/2014/main" id="{7629604D-087A-A042-B68C-E4375B46E5A9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10312982" y="5106146"/>
                <a:ext cx="0" cy="167932"/>
              </a:xfrm>
              <a:prstGeom prst="line">
                <a:avLst/>
              </a:prstGeom>
              <a:ln w="15875">
                <a:solidFill>
                  <a:srgbClr val="7030A0"/>
                </a:solidFill>
                <a:tailEnd type="oval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72" name="Gerader Verbinder 71">
                <a:extLst>
                  <a:ext uri="{FF2B5EF4-FFF2-40B4-BE49-F238E27FC236}">
                    <a16:creationId xmlns:a16="http://schemas.microsoft.com/office/drawing/2014/main" id="{B5B91017-C6D7-1A0E-807D-CE6EA48B0942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10114273" y="5053013"/>
                <a:ext cx="0" cy="221065"/>
              </a:xfrm>
              <a:prstGeom prst="line">
                <a:avLst/>
              </a:prstGeom>
              <a:ln w="15875">
                <a:solidFill>
                  <a:schemeClr val="accent6">
                    <a:lumMod val="50000"/>
                  </a:schemeClr>
                </a:solidFill>
                <a:tailEnd type="oval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pic>
        <p:nvPicPr>
          <p:cNvPr id="79" name="Grafik 78">
            <a:extLst>
              <a:ext uri="{FF2B5EF4-FFF2-40B4-BE49-F238E27FC236}">
                <a16:creationId xmlns:a16="http://schemas.microsoft.com/office/drawing/2014/main" id="{13D7EEBF-65A9-E169-D45D-5BF9F29F01F0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>
          <a:blip r:embed="rId1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80080" y="4315622"/>
            <a:ext cx="1621801" cy="231812"/>
          </a:xfrm>
          <a:prstGeom prst="rect">
            <a:avLst/>
          </a:prstGeom>
        </p:spPr>
      </p:pic>
      <p:pic>
        <p:nvPicPr>
          <p:cNvPr id="82" name="Grafik 81">
            <a:extLst>
              <a:ext uri="{FF2B5EF4-FFF2-40B4-BE49-F238E27FC236}">
                <a16:creationId xmlns:a16="http://schemas.microsoft.com/office/drawing/2014/main" id="{63A3AE03-48EE-701C-83B0-AC9A005B6B02}"/>
              </a:ext>
            </a:extLst>
          </p:cNvPr>
          <p:cNvPicPr>
            <a:picLocks noChangeAspect="1"/>
          </p:cNvPicPr>
          <p:nvPr/>
        </p:nvPicPr>
        <p:blipFill>
          <a:blip r:embed="rId18"/>
          <a:stretch>
            <a:fillRect/>
          </a:stretch>
        </p:blipFill>
        <p:spPr>
          <a:xfrm>
            <a:off x="5087951" y="5003011"/>
            <a:ext cx="2473494" cy="1265888"/>
          </a:xfrm>
          <a:prstGeom prst="rect">
            <a:avLst/>
          </a:prstGeom>
        </p:spPr>
      </p:pic>
      <p:sp>
        <p:nvSpPr>
          <p:cNvPr id="83" name="Textfeld 82">
            <a:extLst>
              <a:ext uri="{FF2B5EF4-FFF2-40B4-BE49-F238E27FC236}">
                <a16:creationId xmlns:a16="http://schemas.microsoft.com/office/drawing/2014/main" id="{7A34982B-4C76-4F8D-0572-F731D96E718F}"/>
              </a:ext>
            </a:extLst>
          </p:cNvPr>
          <p:cNvSpPr txBox="1"/>
          <p:nvPr/>
        </p:nvSpPr>
        <p:spPr>
          <a:xfrm>
            <a:off x="5012127" y="6253849"/>
            <a:ext cx="2904962" cy="21544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800" b="1" dirty="0">
                <a:latin typeface="+mn-lt"/>
              </a:rPr>
              <a:t>Quelle</a:t>
            </a:r>
            <a:r>
              <a:rPr lang="de-DE" sz="800" dirty="0">
                <a:latin typeface="+mn-lt"/>
              </a:rPr>
              <a:t>: </a:t>
            </a:r>
            <a:r>
              <a:rPr lang="de-DE" sz="800" dirty="0">
                <a:latin typeface="+mn-lt"/>
                <a:hlinkClick r:id="rId19"/>
              </a:rPr>
              <a:t>https://de.wikipedia.org/wiki/Leck-Effekt</a:t>
            </a:r>
            <a:r>
              <a:rPr lang="de-DE" sz="800" dirty="0">
                <a:latin typeface="+mn-lt"/>
              </a:rPr>
              <a:t> (09.02.2024)</a:t>
            </a:r>
          </a:p>
        </p:txBody>
      </p:sp>
      <p:pic>
        <p:nvPicPr>
          <p:cNvPr id="6" name="Grafik 5">
            <a:extLst>
              <a:ext uri="{FF2B5EF4-FFF2-40B4-BE49-F238E27FC236}">
                <a16:creationId xmlns:a16="http://schemas.microsoft.com/office/drawing/2014/main" id="{ADABE284-EEC2-9417-45B3-706F76FAF103}"/>
              </a:ext>
            </a:extLst>
          </p:cNvPr>
          <p:cNvPicPr>
            <a:picLocks noChangeAspect="1"/>
          </p:cNvPicPr>
          <p:nvPr/>
        </p:nvPicPr>
        <p:blipFill rotWithShape="1">
          <a:blip r:embed="rId20"/>
          <a:srcRect l="1308" t="40879" r="45000"/>
          <a:stretch/>
        </p:blipFill>
        <p:spPr>
          <a:xfrm>
            <a:off x="9434513" y="2122599"/>
            <a:ext cx="1680909" cy="754460"/>
          </a:xfrm>
          <a:prstGeom prst="rect">
            <a:avLst/>
          </a:prstGeom>
        </p:spPr>
      </p:pic>
      <p:sp>
        <p:nvSpPr>
          <p:cNvPr id="11" name="Textfeld 10">
            <a:extLst>
              <a:ext uri="{FF2B5EF4-FFF2-40B4-BE49-F238E27FC236}">
                <a16:creationId xmlns:a16="http://schemas.microsoft.com/office/drawing/2014/main" id="{10507E71-A998-3C5F-5F43-E2AE27D48041}"/>
              </a:ext>
            </a:extLst>
          </p:cNvPr>
          <p:cNvSpPr txBox="1"/>
          <p:nvPr/>
        </p:nvSpPr>
        <p:spPr>
          <a:xfrm>
            <a:off x="9097743" y="2362965"/>
            <a:ext cx="421481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1100" dirty="0">
                <a:latin typeface="+mn-lt"/>
              </a:rPr>
              <a:t>DFT</a:t>
            </a:r>
          </a:p>
        </p:txBody>
      </p:sp>
      <p:sp>
        <p:nvSpPr>
          <p:cNvPr id="12" name="Textfeld 11">
            <a:extLst>
              <a:ext uri="{FF2B5EF4-FFF2-40B4-BE49-F238E27FC236}">
                <a16:creationId xmlns:a16="http://schemas.microsoft.com/office/drawing/2014/main" id="{EE4CDB2C-565F-5294-55BE-5BDEDB8822B8}"/>
              </a:ext>
            </a:extLst>
          </p:cNvPr>
          <p:cNvSpPr txBox="1"/>
          <p:nvPr/>
        </p:nvSpPr>
        <p:spPr>
          <a:xfrm>
            <a:off x="9113051" y="2625839"/>
            <a:ext cx="380554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1100" dirty="0">
                <a:latin typeface="+mn-lt"/>
              </a:rPr>
              <a:t>FFT</a:t>
            </a:r>
          </a:p>
        </p:txBody>
      </p:sp>
      <p:sp>
        <p:nvSpPr>
          <p:cNvPr id="13" name="Textfeld 12">
            <a:extLst>
              <a:ext uri="{FF2B5EF4-FFF2-40B4-BE49-F238E27FC236}">
                <a16:creationId xmlns:a16="http://schemas.microsoft.com/office/drawing/2014/main" id="{0B2F4E9E-99B7-660E-76CC-6A4C2FF4CB23}"/>
              </a:ext>
            </a:extLst>
          </p:cNvPr>
          <p:cNvSpPr txBox="1"/>
          <p:nvPr/>
        </p:nvSpPr>
        <p:spPr>
          <a:xfrm>
            <a:off x="9372517" y="1875640"/>
            <a:ext cx="1856512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1100" dirty="0" err="1">
                <a:latin typeface="+mn-lt"/>
              </a:rPr>
              <a:t>Calculation</a:t>
            </a:r>
            <a:r>
              <a:rPr lang="de-DE" sz="1100" dirty="0">
                <a:latin typeface="+mn-lt"/>
              </a:rPr>
              <a:t> </a:t>
            </a:r>
            <a:r>
              <a:rPr lang="de-DE" sz="1100" dirty="0" err="1">
                <a:latin typeface="+mn-lt"/>
              </a:rPr>
              <a:t>Effort</a:t>
            </a:r>
            <a:r>
              <a:rPr lang="de-DE" sz="1100" dirty="0">
                <a:latin typeface="+mn-lt"/>
              </a:rPr>
              <a:t> DFT / FFT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14" name="Textfeld 13">
                <a:extLst>
                  <a:ext uri="{FF2B5EF4-FFF2-40B4-BE49-F238E27FC236}">
                    <a16:creationId xmlns:a16="http://schemas.microsoft.com/office/drawing/2014/main" id="{0FD19A1F-F9F2-3CE1-BB5E-C9D7EB958991}"/>
                  </a:ext>
                </a:extLst>
              </p:cNvPr>
              <p:cNvSpPr txBox="1"/>
              <p:nvPr/>
            </p:nvSpPr>
            <p:spPr>
              <a:xfrm>
                <a:off x="11089803" y="2289961"/>
                <a:ext cx="808258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900" dirty="0">
                    <a:latin typeface="+mn-lt"/>
                  </a:rPr>
                  <a:t>⇝ </a:t>
                </a:r>
                <a14:m>
                  <m:oMath xmlns:m="http://schemas.openxmlformats.org/officeDocument/2006/math">
                    <m:sSup>
                      <m:sSupPr>
                        <m:ctrlPr>
                          <a:rPr lang="en-US" sz="900" i="1" smtClean="0">
                            <a:latin typeface="Cambria Math" panose="02040503050406030204" pitchFamily="18" charset="0"/>
                          </a:rPr>
                        </m:ctrlPr>
                      </m:sSupPr>
                      <m:e>
                        <m:r>
                          <a:rPr lang="de-DE" sz="900" b="0" i="1" smtClean="0">
                            <a:latin typeface="Cambria Math" panose="02040503050406030204" pitchFamily="18" charset="0"/>
                          </a:rPr>
                          <m:t>10</m:t>
                        </m:r>
                      </m:e>
                      <m:sup>
                        <m:r>
                          <a:rPr lang="de-DE" sz="900" b="0" i="1" smtClean="0">
                            <a:latin typeface="Cambria Math" panose="02040503050406030204" pitchFamily="18" charset="0"/>
                          </a:rPr>
                          <m:t>18</m:t>
                        </m:r>
                      </m:sup>
                    </m:sSup>
                  </m:oMath>
                </a14:m>
                <a:r>
                  <a:rPr lang="en-US" sz="900" dirty="0">
                    <a:latin typeface="+mn-lt"/>
                  </a:rPr>
                  <a:t> ns</a:t>
                </a:r>
                <a:br>
                  <a:rPr lang="en-US" sz="900" dirty="0">
                    <a:latin typeface="+mn-lt"/>
                  </a:rPr>
                </a:br>
                <a:r>
                  <a:rPr lang="en-US" sz="900" dirty="0">
                    <a:latin typeface="+mn-lt"/>
                  </a:rPr>
                  <a:t>~31.2 years</a:t>
                </a:r>
                <a:endParaRPr lang="de-DE" sz="900" dirty="0">
                  <a:latin typeface="+mn-lt"/>
                </a:endParaRPr>
              </a:p>
            </p:txBody>
          </p:sp>
        </mc:Choice>
        <mc:Fallback>
          <p:sp>
            <p:nvSpPr>
              <p:cNvPr id="14" name="Textfeld 13">
                <a:extLst>
                  <a:ext uri="{FF2B5EF4-FFF2-40B4-BE49-F238E27FC236}">
                    <a16:creationId xmlns:a16="http://schemas.microsoft.com/office/drawing/2014/main" id="{0FD19A1F-F9F2-3CE1-BB5E-C9D7EB95899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1089803" y="2289961"/>
                <a:ext cx="808258" cy="369332"/>
              </a:xfrm>
              <a:prstGeom prst="rect">
                <a:avLst/>
              </a:prstGeom>
              <a:blipFill>
                <a:blip r:embed="rId21"/>
                <a:stretch>
                  <a:fillRect b="-6667"/>
                </a:stretch>
              </a:blipFill>
            </p:spPr>
            <p:txBody>
              <a:bodyPr/>
              <a:lstStyle/>
              <a:p>
                <a:r>
                  <a:rPr lang="de-DE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6" name="Textfeld 15">
                <a:extLst>
                  <a:ext uri="{FF2B5EF4-FFF2-40B4-BE49-F238E27FC236}">
                    <a16:creationId xmlns:a16="http://schemas.microsoft.com/office/drawing/2014/main" id="{018BF114-0FB3-B3A2-6524-376F82F33F1E}"/>
                  </a:ext>
                </a:extLst>
              </p:cNvPr>
              <p:cNvSpPr txBox="1"/>
              <p:nvPr/>
            </p:nvSpPr>
            <p:spPr>
              <a:xfrm>
                <a:off x="11092985" y="2655289"/>
                <a:ext cx="870120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900" dirty="0">
                    <a:latin typeface="+mn-lt"/>
                  </a:rPr>
                  <a:t>⇝ </a:t>
                </a:r>
                <a14:m>
                  <m:oMath xmlns:m="http://schemas.openxmlformats.org/officeDocument/2006/math">
                    <m:sSup>
                      <m:sSupPr>
                        <m:ctrlPr>
                          <a:rPr lang="en-US" sz="900" i="1" smtClean="0">
                            <a:latin typeface="Cambria Math" panose="02040503050406030204" pitchFamily="18" charset="0"/>
                          </a:rPr>
                        </m:ctrlPr>
                      </m:sSupPr>
                      <m:e>
                        <m:r>
                          <a:rPr lang="de-DE" sz="900" b="0" i="1" smtClean="0">
                            <a:latin typeface="Cambria Math" panose="02040503050406030204" pitchFamily="18" charset="0"/>
                          </a:rPr>
                          <m:t>30⋅10</m:t>
                        </m:r>
                      </m:e>
                      <m:sup>
                        <m:r>
                          <a:rPr lang="de-DE" sz="900" b="0" i="1" smtClean="0">
                            <a:latin typeface="Cambria Math" panose="02040503050406030204" pitchFamily="18" charset="0"/>
                          </a:rPr>
                          <m:t>9</m:t>
                        </m:r>
                      </m:sup>
                    </m:sSup>
                  </m:oMath>
                </a14:m>
                <a:r>
                  <a:rPr lang="en-US" sz="900" dirty="0">
                    <a:latin typeface="+mn-lt"/>
                  </a:rPr>
                  <a:t> ns</a:t>
                </a:r>
                <a:br>
                  <a:rPr lang="en-US" sz="900" dirty="0">
                    <a:latin typeface="+mn-lt"/>
                  </a:rPr>
                </a:br>
                <a:r>
                  <a:rPr lang="en-US" sz="900" dirty="0">
                    <a:latin typeface="+mn-lt"/>
                  </a:rPr>
                  <a:t>~30 sec</a:t>
                </a:r>
                <a:endParaRPr lang="de-DE" sz="900" dirty="0">
                  <a:latin typeface="+mn-lt"/>
                </a:endParaRPr>
              </a:p>
            </p:txBody>
          </p:sp>
        </mc:Choice>
        <mc:Fallback>
          <p:sp>
            <p:nvSpPr>
              <p:cNvPr id="16" name="Textfeld 15">
                <a:extLst>
                  <a:ext uri="{FF2B5EF4-FFF2-40B4-BE49-F238E27FC236}">
                    <a16:creationId xmlns:a16="http://schemas.microsoft.com/office/drawing/2014/main" id="{018BF114-0FB3-B3A2-6524-376F82F33F1E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1092985" y="2655289"/>
                <a:ext cx="870120" cy="369332"/>
              </a:xfrm>
              <a:prstGeom prst="rect">
                <a:avLst/>
              </a:prstGeom>
              <a:blipFill>
                <a:blip r:embed="rId22"/>
                <a:stretch>
                  <a:fillRect b="-6667"/>
                </a:stretch>
              </a:blipFill>
            </p:spPr>
            <p:txBody>
              <a:bodyPr/>
              <a:lstStyle/>
              <a:p>
                <a:r>
                  <a:rPr lang="de-DE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2199556499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4DF0CCC7-CDBF-E3D4-6227-C605114A618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14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48EB49AE-9E4A-5DB4-10F9-7940F3A57E8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B9898069-C4A5-5351-6D00-2281D2C4458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Helpful</a:t>
            </a:r>
            <a:r>
              <a:rPr lang="de-DE" dirty="0"/>
              <a:t> Links</a:t>
            </a:r>
            <a:br>
              <a:rPr lang="de-DE" dirty="0"/>
            </a:br>
            <a:endParaRPr lang="de-DE" dirty="0"/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36E1E50D-C85E-944D-5D25-D490822AB287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1600" dirty="0" err="1">
                <a:latin typeface="+mn-lt"/>
              </a:rPr>
              <a:t>Eigensteve</a:t>
            </a:r>
            <a:endParaRPr lang="en-US" sz="1600" dirty="0">
              <a:latin typeface="+mn-lt"/>
            </a:endParaRPr>
          </a:p>
          <a:p>
            <a:pPr marL="522900" lvl="1" indent="-342900">
              <a:buFont typeface="Arial" panose="020B0604020202020204" pitchFamily="34" charset="0"/>
              <a:buChar char="•"/>
            </a:pPr>
            <a:r>
              <a:rPr lang="en-US" dirty="0" err="1">
                <a:solidFill>
                  <a:schemeClr val="accent4"/>
                </a:solidFill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SteveBrunton_DFT</a:t>
            </a:r>
            <a:br>
              <a:rPr lang="en-US" dirty="0">
                <a:solidFill>
                  <a:schemeClr val="accent4"/>
                </a:solidFill>
              </a:rPr>
            </a:br>
            <a:endParaRPr lang="en-US" dirty="0">
              <a:solidFill>
                <a:schemeClr val="accent4"/>
              </a:solidFill>
            </a:endParaRPr>
          </a:p>
          <a:p>
            <a:pPr marL="342900" indent="-342900"/>
            <a:r>
              <a:rPr lang="en-US" dirty="0" err="1">
                <a:latin typeface="+mn-lt"/>
              </a:rPr>
              <a:t>Matlab</a:t>
            </a:r>
            <a:r>
              <a:rPr lang="en-US" dirty="0">
                <a:latin typeface="+mn-lt"/>
              </a:rPr>
              <a:t> Tech Talks: Brian Douglas</a:t>
            </a:r>
          </a:p>
          <a:p>
            <a:pPr marL="522900" lvl="1" indent="-342900">
              <a:buFont typeface="Arial" panose="020B0604020202020204" pitchFamily="34" charset="0"/>
              <a:buChar char="•"/>
            </a:pPr>
            <a:r>
              <a:rPr lang="en-US" dirty="0" err="1">
                <a:solidFill>
                  <a:schemeClr val="accent4"/>
                </a:solidFill>
                <a:latin typeface="+mn-lt"/>
                <a:hlinkClick r:id="rId4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BrianDouglasMatlabTechTalk</a:t>
            </a:r>
            <a:br>
              <a:rPr lang="en-US" dirty="0">
                <a:solidFill>
                  <a:schemeClr val="accent4"/>
                </a:solidFill>
                <a:latin typeface="+mn-lt"/>
              </a:rPr>
            </a:br>
            <a:endParaRPr lang="en-US" dirty="0">
              <a:solidFill>
                <a:schemeClr val="accent4"/>
              </a:solidFill>
              <a:latin typeface="+mn-lt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b="1" dirty="0"/>
              <a:t>How-to</a:t>
            </a:r>
            <a:r>
              <a:rPr lang="en-US" dirty="0"/>
              <a:t>: FFT in a </a:t>
            </a:r>
            <a:r>
              <a:rPr lang="en-US" dirty="0" err="1"/>
              <a:t>dSpace</a:t>
            </a:r>
            <a:r>
              <a:rPr lang="en-US" dirty="0"/>
              <a:t> environment</a:t>
            </a:r>
          </a:p>
          <a:p>
            <a:pPr marL="522900" lvl="1" indent="-342900">
              <a:buFont typeface="Arial" panose="020B0604020202020204" pitchFamily="34" charset="0"/>
              <a:buChar char="•"/>
            </a:pPr>
            <a:r>
              <a:rPr lang="en-US" dirty="0" err="1">
                <a:solidFill>
                  <a:schemeClr val="accent4"/>
                </a:solidFill>
                <a:hlinkClick r:id="rId5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dSpace</a:t>
            </a:r>
            <a:r>
              <a:rPr lang="en-US" dirty="0">
                <a:solidFill>
                  <a:schemeClr val="accent4"/>
                </a:solidFill>
                <a:hlinkClick r:id="rId5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: FFT with </a:t>
            </a:r>
            <a:r>
              <a:rPr lang="en-US" dirty="0" err="1">
                <a:solidFill>
                  <a:schemeClr val="accent4"/>
                </a:solidFill>
                <a:hlinkClick r:id="rId5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ControlDesk</a:t>
            </a:r>
            <a:endParaRPr lang="en-US" dirty="0">
              <a:solidFill>
                <a:schemeClr val="accent4"/>
              </a:solidFill>
            </a:endParaRPr>
          </a:p>
          <a:p>
            <a:endParaRPr lang="de-DE" dirty="0"/>
          </a:p>
        </p:txBody>
      </p:sp>
      <p:pic>
        <p:nvPicPr>
          <p:cNvPr id="28" name="Grafik 27">
            <a:extLst>
              <a:ext uri="{FF2B5EF4-FFF2-40B4-BE49-F238E27FC236}">
                <a16:creationId xmlns:a16="http://schemas.microsoft.com/office/drawing/2014/main" id="{B5D128F3-8DEB-7A66-DFD5-34217F4E8911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5369678" y="2142308"/>
            <a:ext cx="5727219" cy="3170466"/>
          </a:xfrm>
          <a:prstGeom prst="rect">
            <a:avLst/>
          </a:prstGeom>
        </p:spPr>
      </p:pic>
      <p:cxnSp>
        <p:nvCxnSpPr>
          <p:cNvPr id="30" name="Gerader Verbinder 29">
            <a:extLst>
              <a:ext uri="{FF2B5EF4-FFF2-40B4-BE49-F238E27FC236}">
                <a16:creationId xmlns:a16="http://schemas.microsoft.com/office/drawing/2014/main" id="{78C2EFF7-F5A0-C14F-21F5-EC4FEFE33D20}"/>
              </a:ext>
            </a:extLst>
          </p:cNvPr>
          <p:cNvCxnSpPr>
            <a:cxnSpLocks/>
          </p:cNvCxnSpPr>
          <p:nvPr/>
        </p:nvCxnSpPr>
        <p:spPr>
          <a:xfrm>
            <a:off x="3337560" y="3716383"/>
            <a:ext cx="2155371" cy="1234440"/>
          </a:xfrm>
          <a:prstGeom prst="line">
            <a:avLst/>
          </a:prstGeom>
          <a:ln w="22225">
            <a:solidFill>
              <a:schemeClr val="accent4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486052675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0E4C84D2-5AE9-D54F-8703-CF4B60A8023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15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BE5CC24C-9991-B6D5-E959-47A714639C3A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A4135C19-F4F1-EB14-6DAD-62FAD52E294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4C793249-EA3F-A546-AEF2-5B80F12153EC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455196570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F0EEF1F1-4276-72B5-F85F-36C8849B7448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16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2FF5A096-3D27-60AC-C78E-B30274D6F21E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8A3CFA4B-5FC1-0ACF-20B2-C41C01C25F0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</a:t>
            </a:r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45591141-1A3C-7ED3-3547-94480C46D132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r>
              <a:rPr lang="de-DE" dirty="0"/>
              <a:t>Link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video</a:t>
            </a:r>
            <a:r>
              <a:rPr lang="de-DE" dirty="0"/>
              <a:t>: Steve </a:t>
            </a:r>
            <a:r>
              <a:rPr lang="de-DE" dirty="0" err="1"/>
              <a:t>Brunton</a:t>
            </a:r>
            <a:r>
              <a:rPr lang="de-DE" dirty="0"/>
              <a:t> / </a:t>
            </a:r>
            <a:r>
              <a:rPr lang="de-DE" dirty="0" err="1"/>
              <a:t>Matlab</a:t>
            </a:r>
            <a:endParaRPr lang="de-DE" dirty="0"/>
          </a:p>
          <a:p>
            <a:r>
              <a:rPr lang="de-DE" dirty="0"/>
              <a:t>Simulink Implementation</a:t>
            </a:r>
          </a:p>
          <a:p>
            <a:r>
              <a:rPr lang="de-DE" dirty="0" err="1"/>
              <a:t>Plotting</a:t>
            </a:r>
            <a:r>
              <a:rPr lang="de-DE" dirty="0"/>
              <a:t> </a:t>
            </a:r>
            <a:r>
              <a:rPr lang="de-DE" dirty="0" err="1"/>
              <a:t>resutls</a:t>
            </a:r>
            <a:r>
              <a:rPr lang="de-DE" dirty="0"/>
              <a:t> </a:t>
            </a:r>
            <a:r>
              <a:rPr lang="de-DE" dirty="0" err="1"/>
              <a:t>from</a:t>
            </a:r>
            <a:r>
              <a:rPr lang="de-DE" dirty="0"/>
              <a:t> </a:t>
            </a:r>
            <a:r>
              <a:rPr lang="de-DE" dirty="0" err="1"/>
              <a:t>simulation</a:t>
            </a:r>
            <a:r>
              <a:rPr lang="de-DE" dirty="0"/>
              <a:t> and </a:t>
            </a:r>
            <a:r>
              <a:rPr lang="de-DE" dirty="0" err="1"/>
              <a:t>data</a:t>
            </a:r>
            <a:r>
              <a:rPr lang="de-DE" dirty="0"/>
              <a:t> </a:t>
            </a:r>
            <a:r>
              <a:rPr lang="de-DE" dirty="0" err="1"/>
              <a:t>capture</a:t>
            </a:r>
            <a:r>
              <a:rPr lang="de-DE" dirty="0"/>
              <a:t>…</a:t>
            </a:r>
          </a:p>
          <a:p>
            <a:r>
              <a:rPr lang="de-DE" dirty="0" err="1"/>
              <a:t>How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chose</a:t>
            </a:r>
            <a:r>
              <a:rPr lang="de-DE" dirty="0"/>
              <a:t>:</a:t>
            </a:r>
          </a:p>
          <a:p>
            <a:pPr lvl="1"/>
            <a:r>
              <a:rPr lang="de-DE" dirty="0"/>
              <a:t>Sample Time </a:t>
            </a:r>
            <a:r>
              <a:rPr lang="de-DE" dirty="0" err="1"/>
              <a:t>Ts</a:t>
            </a:r>
            <a:endParaRPr lang="de-DE" dirty="0"/>
          </a:p>
          <a:p>
            <a:pPr lvl="1"/>
            <a:r>
              <a:rPr lang="de-DE" dirty="0" err="1"/>
              <a:t>Number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samples</a:t>
            </a:r>
            <a:r>
              <a:rPr lang="de-DE" dirty="0"/>
              <a:t> </a:t>
            </a:r>
            <a:r>
              <a:rPr lang="de-DE" dirty="0" err="1"/>
              <a:t>for</a:t>
            </a:r>
            <a:r>
              <a:rPr lang="de-DE" dirty="0"/>
              <a:t> FFT : 2^N</a:t>
            </a:r>
          </a:p>
          <a:p>
            <a:pPr lvl="1"/>
            <a:r>
              <a:rPr lang="de-DE" dirty="0"/>
              <a:t>Bin Width (Frequenzauflösung)</a:t>
            </a:r>
          </a:p>
          <a:p>
            <a:pPr lvl="1"/>
            <a:r>
              <a:rPr lang="de-DE" dirty="0" err="1"/>
              <a:t>Nyquist</a:t>
            </a:r>
            <a:r>
              <a:rPr lang="de-DE" dirty="0"/>
              <a:t> </a:t>
            </a:r>
            <a:r>
              <a:rPr lang="de-DE" dirty="0" err="1"/>
              <a:t>Frequency</a:t>
            </a:r>
            <a:endParaRPr lang="de-DE" dirty="0"/>
          </a:p>
          <a:p>
            <a:pPr lvl="1"/>
            <a:r>
              <a:rPr lang="de-DE" dirty="0" err="1"/>
              <a:t>Leackage</a:t>
            </a:r>
            <a:r>
              <a:rPr lang="de-DE" dirty="0"/>
              <a:t> </a:t>
            </a:r>
            <a:r>
              <a:rPr lang="de-DE" dirty="0" err="1"/>
              <a:t>effect</a:t>
            </a:r>
            <a:endParaRPr lang="de-DE" dirty="0"/>
          </a:p>
          <a:p>
            <a:pPr marL="180000" lvl="1" indent="0">
              <a:buNone/>
            </a:pPr>
            <a:endParaRPr lang="de-DE" dirty="0"/>
          </a:p>
          <a:p>
            <a:pPr marL="180000" lvl="1" indent="0">
              <a:buNone/>
            </a:pPr>
            <a:r>
              <a:rPr lang="de-DE" b="1" dirty="0" err="1"/>
              <a:t>ToDos</a:t>
            </a:r>
            <a:r>
              <a:rPr lang="de-DE" dirty="0"/>
              <a:t>: 09.02.2024</a:t>
            </a:r>
          </a:p>
          <a:p>
            <a:pPr marL="180000" lvl="1" indent="0">
              <a:buNone/>
            </a:pPr>
            <a:r>
              <a:rPr lang="de-DE" dirty="0"/>
              <a:t>- Bilder für ein/zwei seitiges Spektrum besser ausrichten…</a:t>
            </a:r>
          </a:p>
        </p:txBody>
      </p:sp>
    </p:spTree>
    <p:extLst>
      <p:ext uri="{BB962C8B-B14F-4D97-AF65-F5344CB8AC3E}">
        <p14:creationId xmlns:p14="http://schemas.microsoft.com/office/powerpoint/2010/main" val="2517647784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7149D9BF-A4D0-8F82-19BC-19AE8953976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17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1C4F8F24-1B5B-1A54-6456-70423DAEB094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73F98695-B4FF-429C-8E42-766CB5EC829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FB2493D9-3117-09D2-B523-3E55415EEBE9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86465517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D55F6EE7-23AE-FD18-618D-C943856F0D9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18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B47D7673-D09F-1A5D-D4A5-6688AA39275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4421EB11-5B7C-B269-783E-79E5731BA42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Discrete</a:t>
            </a:r>
            <a:r>
              <a:rPr lang="de-DE" dirty="0"/>
              <a:t> Fourier Transform (DFT)</a:t>
            </a:r>
          </a:p>
        </p:txBody>
      </p:sp>
      <p:pic>
        <p:nvPicPr>
          <p:cNvPr id="26" name="Grafik 25">
            <a:extLst>
              <a:ext uri="{FF2B5EF4-FFF2-40B4-BE49-F238E27FC236}">
                <a16:creationId xmlns:a16="http://schemas.microsoft.com/office/drawing/2014/main" id="{5A0F5273-2F76-A279-DE4F-6B1755DC8EC8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8106" y="2498677"/>
            <a:ext cx="3962996" cy="680487"/>
          </a:xfrm>
          <a:prstGeom prst="rect">
            <a:avLst/>
          </a:prstGeom>
        </p:spPr>
      </p:pic>
      <p:pic>
        <p:nvPicPr>
          <p:cNvPr id="22" name="Grafik 21">
            <a:extLst>
              <a:ext uri="{FF2B5EF4-FFF2-40B4-BE49-F238E27FC236}">
                <a16:creationId xmlns:a16="http://schemas.microsoft.com/office/drawing/2014/main" id="{2425CA88-714B-2E5B-1003-F8E4897C75A4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49227" y="3249176"/>
            <a:ext cx="2021521" cy="231060"/>
          </a:xfrm>
          <a:prstGeom prst="rect">
            <a:avLst/>
          </a:prstGeom>
        </p:spPr>
      </p:pic>
      <p:cxnSp>
        <p:nvCxnSpPr>
          <p:cNvPr id="6" name="Gerader Verbinder 5">
            <a:extLst>
              <a:ext uri="{FF2B5EF4-FFF2-40B4-BE49-F238E27FC236}">
                <a16:creationId xmlns:a16="http://schemas.microsoft.com/office/drawing/2014/main" id="{C97919AC-9E71-5E16-634F-06CE0403FF47}"/>
              </a:ext>
            </a:extLst>
          </p:cNvPr>
          <p:cNvCxnSpPr/>
          <p:nvPr/>
        </p:nvCxnSpPr>
        <p:spPr>
          <a:xfrm>
            <a:off x="2370909" y="2939143"/>
            <a:ext cx="178318" cy="310033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Textfeld 6">
            <a:extLst>
              <a:ext uri="{FF2B5EF4-FFF2-40B4-BE49-F238E27FC236}">
                <a16:creationId xmlns:a16="http://schemas.microsoft.com/office/drawing/2014/main" id="{6A50ACE9-6815-DBFD-EEAD-50BD8BE8A750}"/>
              </a:ext>
            </a:extLst>
          </p:cNvPr>
          <p:cNvSpPr txBox="1"/>
          <p:nvPr/>
        </p:nvSpPr>
        <p:spPr>
          <a:xfrm>
            <a:off x="1149853" y="3364706"/>
            <a:ext cx="1047145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DE" sz="1200" dirty="0" err="1">
                <a:solidFill>
                  <a:schemeClr val="accent4"/>
                </a:solidFill>
                <a:latin typeface="+mn-lt"/>
              </a:rPr>
              <a:t>Discrete</a:t>
            </a:r>
            <a:r>
              <a:rPr lang="de-DE" sz="1200" dirty="0">
                <a:solidFill>
                  <a:schemeClr val="accent4"/>
                </a:solidFill>
                <a:latin typeface="+mn-lt"/>
              </a:rPr>
              <a:t>-time</a:t>
            </a:r>
            <a:br>
              <a:rPr lang="de-DE" sz="1200" dirty="0">
                <a:solidFill>
                  <a:schemeClr val="accent4"/>
                </a:solidFill>
                <a:latin typeface="+mn-lt"/>
              </a:rPr>
            </a:br>
            <a:r>
              <a:rPr lang="de-DE" sz="1200" dirty="0" err="1">
                <a:solidFill>
                  <a:schemeClr val="accent4"/>
                </a:solidFill>
                <a:latin typeface="+mn-lt"/>
              </a:rPr>
              <a:t>signal</a:t>
            </a:r>
            <a:endParaRPr lang="de-DE" sz="1200" dirty="0">
              <a:solidFill>
                <a:schemeClr val="accent4"/>
              </a:solidFill>
              <a:latin typeface="+mn-lt"/>
            </a:endParaRPr>
          </a:p>
        </p:txBody>
      </p:sp>
      <p:cxnSp>
        <p:nvCxnSpPr>
          <p:cNvPr id="8" name="Gerader Verbinder 7">
            <a:extLst>
              <a:ext uri="{FF2B5EF4-FFF2-40B4-BE49-F238E27FC236}">
                <a16:creationId xmlns:a16="http://schemas.microsoft.com/office/drawing/2014/main" id="{B1F577A5-8307-1B61-C37B-587A34D7C8AE}"/>
              </a:ext>
            </a:extLst>
          </p:cNvPr>
          <p:cNvCxnSpPr>
            <a:cxnSpLocks/>
          </p:cNvCxnSpPr>
          <p:nvPr/>
        </p:nvCxnSpPr>
        <p:spPr>
          <a:xfrm flipH="1">
            <a:off x="1815737" y="2939143"/>
            <a:ext cx="169817" cy="541093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Textfeld 10">
            <a:extLst>
              <a:ext uri="{FF2B5EF4-FFF2-40B4-BE49-F238E27FC236}">
                <a16:creationId xmlns:a16="http://schemas.microsoft.com/office/drawing/2014/main" id="{4C880F52-2453-BD04-AB5E-C01F19E216AE}"/>
              </a:ext>
            </a:extLst>
          </p:cNvPr>
          <p:cNvSpPr txBox="1"/>
          <p:nvPr/>
        </p:nvSpPr>
        <p:spPr>
          <a:xfrm>
            <a:off x="5134421" y="2495149"/>
            <a:ext cx="1322798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200" dirty="0" err="1">
                <a:latin typeface="+mn-lt"/>
              </a:rPr>
              <a:t>We</a:t>
            </a:r>
            <a:r>
              <a:rPr lang="de-DE" sz="1200" dirty="0">
                <a:latin typeface="+mn-lt"/>
              </a:rPr>
              <a:t> </a:t>
            </a:r>
            <a:r>
              <a:rPr lang="de-DE" sz="1200" dirty="0" err="1">
                <a:latin typeface="+mn-lt"/>
              </a:rPr>
              <a:t>are</a:t>
            </a:r>
            <a:r>
              <a:rPr lang="de-DE" sz="1200" dirty="0">
                <a:latin typeface="+mn-lt"/>
              </a:rPr>
              <a:t> </a:t>
            </a:r>
            <a:r>
              <a:rPr lang="de-DE" sz="1200" dirty="0" err="1">
                <a:latin typeface="+mn-lt"/>
              </a:rPr>
              <a:t>creating</a:t>
            </a:r>
            <a:br>
              <a:rPr lang="de-DE" sz="1200" dirty="0">
                <a:latin typeface="+mn-lt"/>
              </a:rPr>
            </a:br>
            <a:r>
              <a:rPr lang="de-DE" sz="1200" dirty="0" err="1">
                <a:latin typeface="+mn-lt"/>
              </a:rPr>
              <a:t>sines</a:t>
            </a:r>
            <a:r>
              <a:rPr lang="de-DE" sz="1200" dirty="0">
                <a:latin typeface="+mn-lt"/>
              </a:rPr>
              <a:t> and </a:t>
            </a:r>
            <a:r>
              <a:rPr lang="de-DE" sz="1200" dirty="0" err="1">
                <a:latin typeface="+mn-lt"/>
              </a:rPr>
              <a:t>cosines</a:t>
            </a:r>
            <a:br>
              <a:rPr lang="de-DE" sz="1200" dirty="0">
                <a:latin typeface="+mn-lt"/>
              </a:rPr>
            </a:br>
            <a:r>
              <a:rPr lang="de-DE" sz="1200" dirty="0" err="1">
                <a:latin typeface="+mn-lt"/>
              </a:rPr>
              <a:t>of</a:t>
            </a:r>
            <a:r>
              <a:rPr lang="de-DE" sz="1200" dirty="0">
                <a:latin typeface="+mn-lt"/>
              </a:rPr>
              <a:t> different</a:t>
            </a:r>
            <a:br>
              <a:rPr lang="de-DE" sz="1200" dirty="0">
                <a:latin typeface="+mn-lt"/>
              </a:rPr>
            </a:br>
            <a:r>
              <a:rPr lang="de-DE" sz="1200" dirty="0" err="1">
                <a:latin typeface="+mn-lt"/>
              </a:rPr>
              <a:t>frequencies</a:t>
            </a:r>
            <a:endParaRPr lang="de-DE" sz="1200" dirty="0">
              <a:latin typeface="+mn-lt"/>
            </a:endParaRPr>
          </a:p>
        </p:txBody>
      </p:sp>
      <p:sp>
        <p:nvSpPr>
          <p:cNvPr id="14" name="Textfeld 13">
            <a:extLst>
              <a:ext uri="{FF2B5EF4-FFF2-40B4-BE49-F238E27FC236}">
                <a16:creationId xmlns:a16="http://schemas.microsoft.com/office/drawing/2014/main" id="{0E0995DF-EB14-1411-CB2B-FB0762048AAC}"/>
              </a:ext>
            </a:extLst>
          </p:cNvPr>
          <p:cNvSpPr txBox="1"/>
          <p:nvPr/>
        </p:nvSpPr>
        <p:spPr>
          <a:xfrm>
            <a:off x="250867" y="6100354"/>
            <a:ext cx="4641720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latin typeface="+mn-lt"/>
                <a:hlinkClick r:id="rId12"/>
              </a:rPr>
              <a:t>https://www.youtube.com/watch?v=QmgJmh2I3Fw</a:t>
            </a:r>
            <a:endParaRPr lang="de-DE" sz="1600" dirty="0">
              <a:latin typeface="+mn-lt"/>
            </a:endParaRPr>
          </a:p>
        </p:txBody>
      </p:sp>
      <p:pic>
        <p:nvPicPr>
          <p:cNvPr id="33" name="Grafik 32">
            <a:extLst>
              <a:ext uri="{FF2B5EF4-FFF2-40B4-BE49-F238E27FC236}">
                <a16:creationId xmlns:a16="http://schemas.microsoft.com/office/drawing/2014/main" id="{5056EAF5-39A7-44D5-2746-7FA5965269AD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0351" y="4323382"/>
            <a:ext cx="8057789" cy="1137707"/>
          </a:xfrm>
          <a:prstGeom prst="rect">
            <a:avLst/>
          </a:prstGeom>
        </p:spPr>
      </p:pic>
      <p:cxnSp>
        <p:nvCxnSpPr>
          <p:cNvPr id="35" name="Gerade Verbindung mit Pfeil 34">
            <a:extLst>
              <a:ext uri="{FF2B5EF4-FFF2-40B4-BE49-F238E27FC236}">
                <a16:creationId xmlns:a16="http://schemas.microsoft.com/office/drawing/2014/main" id="{DEB0C6E4-BEA8-A819-7302-8CF85786C422}"/>
              </a:ext>
            </a:extLst>
          </p:cNvPr>
          <p:cNvCxnSpPr>
            <a:cxnSpLocks/>
          </p:cNvCxnSpPr>
          <p:nvPr/>
        </p:nvCxnSpPr>
        <p:spPr>
          <a:xfrm>
            <a:off x="5564777" y="4633155"/>
            <a:ext cx="0" cy="770709"/>
          </a:xfrm>
          <a:prstGeom prst="straightConnector1">
            <a:avLst/>
          </a:prstGeom>
          <a:ln w="19050">
            <a:solidFill>
              <a:srgbClr val="FFC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Gerade Verbindung mit Pfeil 35">
            <a:extLst>
              <a:ext uri="{FF2B5EF4-FFF2-40B4-BE49-F238E27FC236}">
                <a16:creationId xmlns:a16="http://schemas.microsoft.com/office/drawing/2014/main" id="{D1B516B8-D728-F54C-71C7-8CDABD4C7AE9}"/>
              </a:ext>
            </a:extLst>
          </p:cNvPr>
          <p:cNvCxnSpPr>
            <a:cxnSpLocks/>
          </p:cNvCxnSpPr>
          <p:nvPr/>
        </p:nvCxnSpPr>
        <p:spPr>
          <a:xfrm>
            <a:off x="6370319" y="4633155"/>
            <a:ext cx="0" cy="770709"/>
          </a:xfrm>
          <a:prstGeom prst="straightConnector1">
            <a:avLst/>
          </a:prstGeom>
          <a:ln w="19050">
            <a:solidFill>
              <a:srgbClr val="FFC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Gerade Verbindung mit Pfeil 36">
            <a:extLst>
              <a:ext uri="{FF2B5EF4-FFF2-40B4-BE49-F238E27FC236}">
                <a16:creationId xmlns:a16="http://schemas.microsoft.com/office/drawing/2014/main" id="{BBC94D85-5569-B7A2-3431-A3B1B5818351}"/>
              </a:ext>
            </a:extLst>
          </p:cNvPr>
          <p:cNvCxnSpPr>
            <a:cxnSpLocks/>
          </p:cNvCxnSpPr>
          <p:nvPr/>
        </p:nvCxnSpPr>
        <p:spPr>
          <a:xfrm>
            <a:off x="7763691" y="4633155"/>
            <a:ext cx="0" cy="770709"/>
          </a:xfrm>
          <a:prstGeom prst="straightConnector1">
            <a:avLst/>
          </a:prstGeom>
          <a:ln w="19050">
            <a:solidFill>
              <a:srgbClr val="FFC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9" name="Grafik 38">
            <a:extLst>
              <a:ext uri="{FF2B5EF4-FFF2-40B4-BE49-F238E27FC236}">
                <a16:creationId xmlns:a16="http://schemas.microsoft.com/office/drawing/2014/main" id="{12020A59-72EB-9A45-2952-18CDE3005B94}"/>
              </a:ext>
            </a:extLst>
          </p:cNvPr>
          <p:cNvPicPr>
            <a:picLocks noChangeAspect="1"/>
          </p:cNvPicPr>
          <p:nvPr>
            <p:custDataLst>
              <p:tags r:id="rId4"/>
            </p:custDataLst>
          </p:nvPr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39825" y="4413979"/>
            <a:ext cx="635198" cy="140464"/>
          </a:xfrm>
          <a:prstGeom prst="rect">
            <a:avLst/>
          </a:prstGeom>
        </p:spPr>
      </p:pic>
      <p:pic>
        <p:nvPicPr>
          <p:cNvPr id="40" name="Grafik 39">
            <a:extLst>
              <a:ext uri="{FF2B5EF4-FFF2-40B4-BE49-F238E27FC236}">
                <a16:creationId xmlns:a16="http://schemas.microsoft.com/office/drawing/2014/main" id="{204A7072-78E5-4A2F-0A7D-89576EA060D3}"/>
              </a:ext>
            </a:extLst>
          </p:cNvPr>
          <p:cNvPicPr>
            <a:picLocks noChangeAspect="1"/>
          </p:cNvPicPr>
          <p:nvPr>
            <p:custDataLst>
              <p:tags r:id="rId5"/>
            </p:custDataLst>
          </p:nvPr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36562" y="4337008"/>
            <a:ext cx="635198" cy="140464"/>
          </a:xfrm>
          <a:prstGeom prst="rect">
            <a:avLst/>
          </a:prstGeom>
        </p:spPr>
      </p:pic>
      <p:pic>
        <p:nvPicPr>
          <p:cNvPr id="43" name="Grafik 42">
            <a:extLst>
              <a:ext uri="{FF2B5EF4-FFF2-40B4-BE49-F238E27FC236}">
                <a16:creationId xmlns:a16="http://schemas.microsoft.com/office/drawing/2014/main" id="{ADE997E0-AACF-43B6-E001-57B90FBA3224}"/>
              </a:ext>
            </a:extLst>
          </p:cNvPr>
          <p:cNvPicPr>
            <a:picLocks noChangeAspect="1"/>
          </p:cNvPicPr>
          <p:nvPr>
            <p:custDataLst>
              <p:tags r:id="rId6"/>
            </p:custDataLst>
          </p:nvPr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95893" y="3924547"/>
            <a:ext cx="731298" cy="141700"/>
          </a:xfrm>
          <a:prstGeom prst="rect">
            <a:avLst/>
          </a:prstGeom>
        </p:spPr>
      </p:pic>
      <p:grpSp>
        <p:nvGrpSpPr>
          <p:cNvPr id="50" name="Gruppieren 49">
            <a:extLst>
              <a:ext uri="{FF2B5EF4-FFF2-40B4-BE49-F238E27FC236}">
                <a16:creationId xmlns:a16="http://schemas.microsoft.com/office/drawing/2014/main" id="{1B95E891-1050-EE34-E5A8-BB2DF87B341E}"/>
              </a:ext>
            </a:extLst>
          </p:cNvPr>
          <p:cNvGrpSpPr/>
          <p:nvPr/>
        </p:nvGrpSpPr>
        <p:grpSpPr>
          <a:xfrm>
            <a:off x="6662057" y="307601"/>
            <a:ext cx="3527883" cy="1138994"/>
            <a:chOff x="6662057" y="307601"/>
            <a:chExt cx="3527883" cy="1138994"/>
          </a:xfrm>
        </p:grpSpPr>
        <p:pic>
          <p:nvPicPr>
            <p:cNvPr id="46" name="Grafik 45">
              <a:extLst>
                <a:ext uri="{FF2B5EF4-FFF2-40B4-BE49-F238E27FC236}">
                  <a16:creationId xmlns:a16="http://schemas.microsoft.com/office/drawing/2014/main" id="{BB733E3F-8CF4-25BB-A52C-2B826611D8DB}"/>
                </a:ext>
              </a:extLst>
            </p:cNvPr>
            <p:cNvPicPr>
              <a:picLocks noChangeAspect="1"/>
            </p:cNvPicPr>
            <p:nvPr>
              <p:custDataLst>
                <p:tags r:id="rId7"/>
              </p:custDataLst>
            </p:nvPr>
          </p:nvPicPr>
          <p:blipFill>
            <a:blip r:embed="rId1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662057" y="307601"/>
              <a:ext cx="3527883" cy="1138994"/>
            </a:xfrm>
            <a:prstGeom prst="rect">
              <a:avLst/>
            </a:prstGeom>
          </p:spPr>
        </p:pic>
        <p:cxnSp>
          <p:nvCxnSpPr>
            <p:cNvPr id="47" name="Gerade Verbindung mit Pfeil 46">
              <a:extLst>
                <a:ext uri="{FF2B5EF4-FFF2-40B4-BE49-F238E27FC236}">
                  <a16:creationId xmlns:a16="http://schemas.microsoft.com/office/drawing/2014/main" id="{1BBE1421-871F-475C-9DA1-02D01FE2E861}"/>
                </a:ext>
              </a:extLst>
            </p:cNvPr>
            <p:cNvCxnSpPr>
              <a:cxnSpLocks/>
            </p:cNvCxnSpPr>
            <p:nvPr/>
          </p:nvCxnSpPr>
          <p:spPr>
            <a:xfrm>
              <a:off x="7075714" y="607327"/>
              <a:ext cx="0" cy="770709"/>
            </a:xfrm>
            <a:prstGeom prst="straightConnector1">
              <a:avLst/>
            </a:prstGeom>
            <a:ln w="19050">
              <a:solidFill>
                <a:srgbClr val="FFC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8" name="Gerade Verbindung mit Pfeil 47">
              <a:extLst>
                <a:ext uri="{FF2B5EF4-FFF2-40B4-BE49-F238E27FC236}">
                  <a16:creationId xmlns:a16="http://schemas.microsoft.com/office/drawing/2014/main" id="{C18E9814-DE50-5FEB-6508-17093526A087}"/>
                </a:ext>
              </a:extLst>
            </p:cNvPr>
            <p:cNvCxnSpPr>
              <a:cxnSpLocks/>
            </p:cNvCxnSpPr>
            <p:nvPr/>
          </p:nvCxnSpPr>
          <p:spPr>
            <a:xfrm>
              <a:off x="7881256" y="607327"/>
              <a:ext cx="0" cy="770709"/>
            </a:xfrm>
            <a:prstGeom prst="straightConnector1">
              <a:avLst/>
            </a:prstGeom>
            <a:ln w="19050">
              <a:solidFill>
                <a:srgbClr val="FFC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9" name="Gerade Verbindung mit Pfeil 48">
              <a:extLst>
                <a:ext uri="{FF2B5EF4-FFF2-40B4-BE49-F238E27FC236}">
                  <a16:creationId xmlns:a16="http://schemas.microsoft.com/office/drawing/2014/main" id="{62943F07-BE04-6105-8721-364FDB61F3A0}"/>
                </a:ext>
              </a:extLst>
            </p:cNvPr>
            <p:cNvCxnSpPr>
              <a:cxnSpLocks/>
            </p:cNvCxnSpPr>
            <p:nvPr/>
          </p:nvCxnSpPr>
          <p:spPr>
            <a:xfrm>
              <a:off x="9274628" y="607327"/>
              <a:ext cx="0" cy="770709"/>
            </a:xfrm>
            <a:prstGeom prst="straightConnector1">
              <a:avLst/>
            </a:prstGeom>
            <a:ln w="19050">
              <a:solidFill>
                <a:srgbClr val="FFC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2545595565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9" name="Rechteck 48">
            <a:extLst>
              <a:ext uri="{FF2B5EF4-FFF2-40B4-BE49-F238E27FC236}">
                <a16:creationId xmlns:a16="http://schemas.microsoft.com/office/drawing/2014/main" id="{860901D9-FA9D-1688-64C8-F8EFC3A62E09}"/>
              </a:ext>
            </a:extLst>
          </p:cNvPr>
          <p:cNvSpPr/>
          <p:nvPr/>
        </p:nvSpPr>
        <p:spPr>
          <a:xfrm>
            <a:off x="2267262" y="4712387"/>
            <a:ext cx="899249" cy="1028622"/>
          </a:xfrm>
          <a:prstGeom prst="rect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47" name="Rechteck 46">
            <a:extLst>
              <a:ext uri="{FF2B5EF4-FFF2-40B4-BE49-F238E27FC236}">
                <a16:creationId xmlns:a16="http://schemas.microsoft.com/office/drawing/2014/main" id="{CDFB7FA6-CB34-B353-83F7-053359718E2C}"/>
              </a:ext>
            </a:extLst>
          </p:cNvPr>
          <p:cNvSpPr/>
          <p:nvPr/>
        </p:nvSpPr>
        <p:spPr>
          <a:xfrm>
            <a:off x="1368011" y="4715902"/>
            <a:ext cx="899251" cy="1028622"/>
          </a:xfrm>
          <a:prstGeom prst="rect">
            <a:avLst/>
          </a:prstGeom>
          <a:solidFill>
            <a:schemeClr val="accent6">
              <a:lumMod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13" name="Rechteck 12">
            <a:extLst>
              <a:ext uri="{FF2B5EF4-FFF2-40B4-BE49-F238E27FC236}">
                <a16:creationId xmlns:a16="http://schemas.microsoft.com/office/drawing/2014/main" id="{CA4414CD-0A32-1919-83B0-F66A2A715220}"/>
              </a:ext>
            </a:extLst>
          </p:cNvPr>
          <p:cNvSpPr/>
          <p:nvPr/>
        </p:nvSpPr>
        <p:spPr>
          <a:xfrm>
            <a:off x="5447199" y="3069771"/>
            <a:ext cx="3951514" cy="2723588"/>
          </a:xfrm>
          <a:prstGeom prst="rect">
            <a:avLst/>
          </a:prstGeom>
          <a:solidFill>
            <a:schemeClr val="accent6">
              <a:lumMod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18D59F2A-E4FD-5FC9-AE3C-87DAE95DEB7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19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80F1F566-26AD-2486-BB4C-C7F528A2668E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r>
              <a:rPr lang="de-DE" dirty="0" err="1"/>
              <a:t>One-sided</a:t>
            </a:r>
            <a:r>
              <a:rPr lang="de-DE" dirty="0"/>
              <a:t> and </a:t>
            </a:r>
            <a:r>
              <a:rPr lang="de-DE" dirty="0" err="1"/>
              <a:t>two-sided</a:t>
            </a:r>
            <a:r>
              <a:rPr lang="de-DE" dirty="0"/>
              <a:t> FFT</a:t>
            </a:r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B799FD0E-1220-19C1-E08A-9F9C346F6E3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Practical</a:t>
            </a:r>
            <a:r>
              <a:rPr lang="de-DE" dirty="0"/>
              <a:t> </a:t>
            </a:r>
            <a:r>
              <a:rPr lang="de-DE" dirty="0" err="1"/>
              <a:t>Issues</a:t>
            </a:r>
            <a:r>
              <a:rPr lang="de-DE" dirty="0"/>
              <a:t>: </a:t>
            </a:r>
            <a:r>
              <a:rPr lang="de-DE" dirty="0" err="1"/>
              <a:t>one</a:t>
            </a:r>
            <a:r>
              <a:rPr lang="de-DE" dirty="0"/>
              <a:t>- / </a:t>
            </a:r>
            <a:r>
              <a:rPr lang="de-DE" dirty="0" err="1"/>
              <a:t>two-sided</a:t>
            </a:r>
            <a:r>
              <a:rPr lang="de-DE" dirty="0"/>
              <a:t> FFT</a:t>
            </a:r>
          </a:p>
        </p:txBody>
      </p:sp>
      <p:cxnSp>
        <p:nvCxnSpPr>
          <p:cNvPr id="9" name="Gerader Verbinder 8">
            <a:extLst>
              <a:ext uri="{FF2B5EF4-FFF2-40B4-BE49-F238E27FC236}">
                <a16:creationId xmlns:a16="http://schemas.microsoft.com/office/drawing/2014/main" id="{B7BD61EC-6C7E-D427-BCC3-6A4FECCE1067}"/>
              </a:ext>
            </a:extLst>
          </p:cNvPr>
          <p:cNvCxnSpPr>
            <a:cxnSpLocks/>
            <a:stCxn id="5" idx="0"/>
          </p:cNvCxnSpPr>
          <p:nvPr/>
        </p:nvCxnSpPr>
        <p:spPr>
          <a:xfrm flipV="1">
            <a:off x="5447198" y="5793377"/>
            <a:ext cx="3945013" cy="6500"/>
          </a:xfrm>
          <a:prstGeom prst="line">
            <a:avLst/>
          </a:prstGeom>
          <a:ln w="254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2" name="Gerader Verbinder 11">
            <a:extLst>
              <a:ext uri="{FF2B5EF4-FFF2-40B4-BE49-F238E27FC236}">
                <a16:creationId xmlns:a16="http://schemas.microsoft.com/office/drawing/2014/main" id="{D4FCA746-756F-6889-FD29-A4739D38F83C}"/>
              </a:ext>
            </a:extLst>
          </p:cNvPr>
          <p:cNvCxnSpPr>
            <a:cxnSpLocks/>
          </p:cNvCxnSpPr>
          <p:nvPr/>
        </p:nvCxnSpPr>
        <p:spPr>
          <a:xfrm>
            <a:off x="5447199" y="3069771"/>
            <a:ext cx="0" cy="2723606"/>
          </a:xfrm>
          <a:prstGeom prst="line">
            <a:avLst/>
          </a:prstGeom>
          <a:ln w="25400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Freihandform: Form 18">
            <a:extLst>
              <a:ext uri="{FF2B5EF4-FFF2-40B4-BE49-F238E27FC236}">
                <a16:creationId xmlns:a16="http://schemas.microsoft.com/office/drawing/2014/main" id="{2D7AD6BE-9BD4-98AC-4511-081525063834}"/>
              </a:ext>
            </a:extLst>
          </p:cNvPr>
          <p:cNvSpPr/>
          <p:nvPr/>
        </p:nvSpPr>
        <p:spPr>
          <a:xfrm>
            <a:off x="5447198" y="4295200"/>
            <a:ext cx="3918857" cy="1498159"/>
          </a:xfrm>
          <a:custGeom>
            <a:avLst/>
            <a:gdLst>
              <a:gd name="connsiteX0" fmla="*/ 0 w 3918857"/>
              <a:gd name="connsiteY0" fmla="*/ 1498159 h 1498159"/>
              <a:gd name="connsiteX1" fmla="*/ 568234 w 3918857"/>
              <a:gd name="connsiteY1" fmla="*/ 1165057 h 1498159"/>
              <a:gd name="connsiteX2" fmla="*/ 1018903 w 3918857"/>
              <a:gd name="connsiteY2" fmla="*/ 8994 h 1498159"/>
              <a:gd name="connsiteX3" fmla="*/ 1737360 w 3918857"/>
              <a:gd name="connsiteY3" fmla="*/ 629479 h 1498159"/>
              <a:gd name="connsiteX4" fmla="*/ 2351314 w 3918857"/>
              <a:gd name="connsiteY4" fmla="*/ 655605 h 1498159"/>
              <a:gd name="connsiteX5" fmla="*/ 2815046 w 3918857"/>
              <a:gd name="connsiteY5" fmla="*/ 1197714 h 1498159"/>
              <a:gd name="connsiteX6" fmla="*/ 3429000 w 3918857"/>
              <a:gd name="connsiteY6" fmla="*/ 1034428 h 1498159"/>
              <a:gd name="connsiteX7" fmla="*/ 3918857 w 3918857"/>
              <a:gd name="connsiteY7" fmla="*/ 1295685 h 1498159"/>
              <a:gd name="connsiteX8" fmla="*/ 3918857 w 3918857"/>
              <a:gd name="connsiteY8" fmla="*/ 1295685 h 149815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3918857" h="1498159">
                <a:moveTo>
                  <a:pt x="0" y="1498159"/>
                </a:moveTo>
                <a:cubicBezTo>
                  <a:pt x="199208" y="1455705"/>
                  <a:pt x="398417" y="1413251"/>
                  <a:pt x="568234" y="1165057"/>
                </a:cubicBezTo>
                <a:cubicBezTo>
                  <a:pt x="738051" y="916863"/>
                  <a:pt x="824049" y="98257"/>
                  <a:pt x="1018903" y="8994"/>
                </a:cubicBezTo>
                <a:cubicBezTo>
                  <a:pt x="1213757" y="-80269"/>
                  <a:pt x="1515292" y="521711"/>
                  <a:pt x="1737360" y="629479"/>
                </a:cubicBezTo>
                <a:cubicBezTo>
                  <a:pt x="1959428" y="737247"/>
                  <a:pt x="2171700" y="560899"/>
                  <a:pt x="2351314" y="655605"/>
                </a:cubicBezTo>
                <a:cubicBezTo>
                  <a:pt x="2530928" y="750311"/>
                  <a:pt x="2635432" y="1134577"/>
                  <a:pt x="2815046" y="1197714"/>
                </a:cubicBezTo>
                <a:cubicBezTo>
                  <a:pt x="2994660" y="1260851"/>
                  <a:pt x="3245031" y="1018099"/>
                  <a:pt x="3429000" y="1034428"/>
                </a:cubicBezTo>
                <a:cubicBezTo>
                  <a:pt x="3612969" y="1050757"/>
                  <a:pt x="3918857" y="1295685"/>
                  <a:pt x="3918857" y="1295685"/>
                </a:cubicBezTo>
                <a:lnTo>
                  <a:pt x="3918857" y="1295685"/>
                </a:lnTo>
              </a:path>
            </a:pathLst>
          </a:cu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cxnSp>
        <p:nvCxnSpPr>
          <p:cNvPr id="17" name="Gerader Verbinder 16">
            <a:extLst>
              <a:ext uri="{FF2B5EF4-FFF2-40B4-BE49-F238E27FC236}">
                <a16:creationId xmlns:a16="http://schemas.microsoft.com/office/drawing/2014/main" id="{169E3E88-41A6-7909-7D00-D6470A03198C}"/>
              </a:ext>
            </a:extLst>
          </p:cNvPr>
          <p:cNvCxnSpPr>
            <a:cxnSpLocks/>
          </p:cNvCxnSpPr>
          <p:nvPr/>
        </p:nvCxnSpPr>
        <p:spPr>
          <a:xfrm>
            <a:off x="9398713" y="3076289"/>
            <a:ext cx="0" cy="2684427"/>
          </a:xfrm>
          <a:prstGeom prst="line">
            <a:avLst/>
          </a:prstGeom>
          <a:ln w="63500"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Textfeld 20">
            <a:extLst>
              <a:ext uri="{FF2B5EF4-FFF2-40B4-BE49-F238E27FC236}">
                <a16:creationId xmlns:a16="http://schemas.microsoft.com/office/drawing/2014/main" id="{4A426723-2A88-F4E0-1863-F60C253D03AD}"/>
              </a:ext>
            </a:extLst>
          </p:cNvPr>
          <p:cNvSpPr txBox="1"/>
          <p:nvPr/>
        </p:nvSpPr>
        <p:spPr>
          <a:xfrm>
            <a:off x="8845944" y="5799877"/>
            <a:ext cx="1040221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DE" sz="1600" dirty="0" err="1">
                <a:solidFill>
                  <a:srgbClr val="FFC000"/>
                </a:solidFill>
                <a:latin typeface="+mn-lt"/>
              </a:rPr>
              <a:t>Nyquist</a:t>
            </a:r>
            <a:br>
              <a:rPr lang="de-DE" sz="1600" dirty="0">
                <a:solidFill>
                  <a:srgbClr val="FFC000"/>
                </a:solidFill>
                <a:latin typeface="+mn-lt"/>
              </a:rPr>
            </a:br>
            <a:r>
              <a:rPr lang="de-DE" sz="1600" dirty="0" err="1">
                <a:solidFill>
                  <a:srgbClr val="FFC000"/>
                </a:solidFill>
                <a:latin typeface="+mn-lt"/>
              </a:rPr>
              <a:t>frequency</a:t>
            </a:r>
            <a:endParaRPr lang="de-DE" sz="1600" dirty="0">
              <a:solidFill>
                <a:srgbClr val="FFC000"/>
              </a:solidFill>
              <a:latin typeface="+mn-lt"/>
            </a:endParaRPr>
          </a:p>
        </p:txBody>
      </p:sp>
      <p:sp>
        <p:nvSpPr>
          <p:cNvPr id="5" name="Textfeld 4">
            <a:extLst>
              <a:ext uri="{FF2B5EF4-FFF2-40B4-BE49-F238E27FC236}">
                <a16:creationId xmlns:a16="http://schemas.microsoft.com/office/drawing/2014/main" id="{F0DCD811-993B-980C-C226-D9084758A35A}"/>
              </a:ext>
            </a:extLst>
          </p:cNvPr>
          <p:cNvSpPr txBox="1"/>
          <p:nvPr/>
        </p:nvSpPr>
        <p:spPr>
          <a:xfrm>
            <a:off x="5175328" y="5799877"/>
            <a:ext cx="54373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latin typeface="+mn-lt"/>
              </a:rPr>
              <a:t>K=0</a:t>
            </a:r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F6C16590-2DB7-AEA5-B60C-31297843AB41}"/>
              </a:ext>
            </a:extLst>
          </p:cNvPr>
          <p:cNvSpPr txBox="1"/>
          <p:nvPr/>
        </p:nvSpPr>
        <p:spPr>
          <a:xfrm>
            <a:off x="6844930" y="3364706"/>
            <a:ext cx="866456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solidFill>
                  <a:schemeClr val="bg1"/>
                </a:solidFill>
                <a:latin typeface="+mn-lt"/>
              </a:rPr>
              <a:t>positive</a:t>
            </a:r>
          </a:p>
        </p:txBody>
      </p:sp>
      <p:cxnSp>
        <p:nvCxnSpPr>
          <p:cNvPr id="15" name="Gerade Verbindung mit Pfeil 14">
            <a:extLst>
              <a:ext uri="{FF2B5EF4-FFF2-40B4-BE49-F238E27FC236}">
                <a16:creationId xmlns:a16="http://schemas.microsoft.com/office/drawing/2014/main" id="{58DD8694-0F5C-FB2C-4066-2195712CFCA3}"/>
              </a:ext>
            </a:extLst>
          </p:cNvPr>
          <p:cNvCxnSpPr>
            <a:cxnSpLocks/>
          </p:cNvCxnSpPr>
          <p:nvPr/>
        </p:nvCxnSpPr>
        <p:spPr>
          <a:xfrm>
            <a:off x="5447197" y="2885558"/>
            <a:ext cx="3951516" cy="18988"/>
          </a:xfrm>
          <a:prstGeom prst="straightConnector1">
            <a:avLst/>
          </a:prstGeom>
          <a:ln>
            <a:solidFill>
              <a:schemeClr val="tx2"/>
            </a:solidFill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Textfeld 15">
            <a:extLst>
              <a:ext uri="{FF2B5EF4-FFF2-40B4-BE49-F238E27FC236}">
                <a16:creationId xmlns:a16="http://schemas.microsoft.com/office/drawing/2014/main" id="{DB995CFF-1354-EB61-0F3E-3726DA0E4AE5}"/>
              </a:ext>
            </a:extLst>
          </p:cNvPr>
          <p:cNvSpPr txBox="1"/>
          <p:nvPr/>
        </p:nvSpPr>
        <p:spPr>
          <a:xfrm>
            <a:off x="6903421" y="2438924"/>
            <a:ext cx="1071127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 err="1">
                <a:latin typeface="+mn-lt"/>
              </a:rPr>
              <a:t>One-sided</a:t>
            </a:r>
            <a:endParaRPr lang="de-DE" sz="1600" dirty="0">
              <a:latin typeface="+mn-lt"/>
            </a:endParaRPr>
          </a:p>
        </p:txBody>
      </p:sp>
      <p:sp>
        <p:nvSpPr>
          <p:cNvPr id="23" name="Textfeld 22">
            <a:extLst>
              <a:ext uri="{FF2B5EF4-FFF2-40B4-BE49-F238E27FC236}">
                <a16:creationId xmlns:a16="http://schemas.microsoft.com/office/drawing/2014/main" id="{1B7E15F8-D0C1-C49E-B90E-A13BDA264D41}"/>
              </a:ext>
            </a:extLst>
          </p:cNvPr>
          <p:cNvSpPr txBox="1"/>
          <p:nvPr/>
        </p:nvSpPr>
        <p:spPr>
          <a:xfrm>
            <a:off x="199317" y="2465936"/>
            <a:ext cx="208198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DE" sz="1600" dirty="0" err="1">
                <a:solidFill>
                  <a:srgbClr val="FFC000"/>
                </a:solidFill>
                <a:latin typeface="+mn-lt"/>
              </a:rPr>
              <a:t>Nyquist</a:t>
            </a:r>
            <a:r>
              <a:rPr lang="de-DE" sz="1600" dirty="0">
                <a:solidFill>
                  <a:srgbClr val="FFC000"/>
                </a:solidFill>
                <a:latin typeface="+mn-lt"/>
              </a:rPr>
              <a:t> </a:t>
            </a:r>
            <a:r>
              <a:rPr lang="de-DE" sz="1600" dirty="0" err="1">
                <a:solidFill>
                  <a:srgbClr val="FFC000"/>
                </a:solidFill>
                <a:latin typeface="+mn-lt"/>
              </a:rPr>
              <a:t>frequency</a:t>
            </a:r>
            <a:r>
              <a:rPr lang="de-DE" sz="1600" dirty="0">
                <a:solidFill>
                  <a:srgbClr val="FFC000"/>
                </a:solidFill>
                <a:latin typeface="+mn-lt"/>
              </a:rPr>
              <a:t>:</a:t>
            </a:r>
          </a:p>
        </p:txBody>
      </p:sp>
      <p:pic>
        <p:nvPicPr>
          <p:cNvPr id="24" name="Grafik 23">
            <a:extLst>
              <a:ext uri="{FF2B5EF4-FFF2-40B4-BE49-F238E27FC236}">
                <a16:creationId xmlns:a16="http://schemas.microsoft.com/office/drawing/2014/main" id="{ED749AB6-A1A4-40F4-8FB3-310E6AD35DA8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2368" y="2804490"/>
            <a:ext cx="1352700" cy="281972"/>
          </a:xfrm>
          <a:prstGeom prst="rect">
            <a:avLst/>
          </a:prstGeom>
        </p:spPr>
      </p:pic>
      <p:sp>
        <p:nvSpPr>
          <p:cNvPr id="25" name="Textfeld 24">
            <a:extLst>
              <a:ext uri="{FF2B5EF4-FFF2-40B4-BE49-F238E27FC236}">
                <a16:creationId xmlns:a16="http://schemas.microsoft.com/office/drawing/2014/main" id="{6F39FB87-FDA5-FBC3-E31C-E562CFB8783F}"/>
              </a:ext>
            </a:extLst>
          </p:cNvPr>
          <p:cNvSpPr txBox="1"/>
          <p:nvPr/>
        </p:nvSpPr>
        <p:spPr>
          <a:xfrm>
            <a:off x="257930" y="3284792"/>
            <a:ext cx="3856248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 err="1">
                <a:latin typeface="+mn-lt"/>
              </a:rPr>
              <a:t>Nyquist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frequency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is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the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highest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frequency</a:t>
            </a:r>
            <a:br>
              <a:rPr lang="de-DE" sz="1600" dirty="0">
                <a:latin typeface="+mn-lt"/>
              </a:rPr>
            </a:br>
            <a:r>
              <a:rPr lang="de-DE" sz="1600" dirty="0" err="1">
                <a:latin typeface="+mn-lt"/>
              </a:rPr>
              <a:t>which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can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be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measured</a:t>
            </a:r>
            <a:r>
              <a:rPr lang="de-DE" sz="1600" dirty="0">
                <a:latin typeface="+mn-lt"/>
              </a:rPr>
              <a:t> / </a:t>
            </a:r>
            <a:r>
              <a:rPr lang="de-DE" sz="1600" dirty="0" err="1">
                <a:latin typeface="+mn-lt"/>
              </a:rPr>
              <a:t>detected</a:t>
            </a:r>
            <a:r>
              <a:rPr lang="de-DE" sz="1600" dirty="0">
                <a:latin typeface="+mn-lt"/>
              </a:rPr>
              <a:t> in </a:t>
            </a:r>
            <a:r>
              <a:rPr lang="de-DE" sz="1600" dirty="0" err="1">
                <a:latin typeface="+mn-lt"/>
              </a:rPr>
              <a:t>the</a:t>
            </a:r>
            <a:endParaRPr lang="de-DE" sz="1600" dirty="0">
              <a:latin typeface="+mn-lt"/>
            </a:endParaRPr>
          </a:p>
          <a:p>
            <a:r>
              <a:rPr lang="de-DE" sz="1600" dirty="0" err="1">
                <a:latin typeface="+mn-lt"/>
              </a:rPr>
              <a:t>sampled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data</a:t>
            </a:r>
            <a:endParaRPr lang="de-DE" sz="1600" dirty="0">
              <a:latin typeface="+mn-lt"/>
            </a:endParaRPr>
          </a:p>
        </p:txBody>
      </p:sp>
      <p:cxnSp>
        <p:nvCxnSpPr>
          <p:cNvPr id="8" name="Gerade Verbindung mit Pfeil 7">
            <a:extLst>
              <a:ext uri="{FF2B5EF4-FFF2-40B4-BE49-F238E27FC236}">
                <a16:creationId xmlns:a16="http://schemas.microsoft.com/office/drawing/2014/main" id="{C2B54060-FA96-7B2A-F814-852B2BEA14A1}"/>
              </a:ext>
            </a:extLst>
          </p:cNvPr>
          <p:cNvCxnSpPr/>
          <p:nvPr/>
        </p:nvCxnSpPr>
        <p:spPr>
          <a:xfrm>
            <a:off x="1253859" y="5746192"/>
            <a:ext cx="2135777" cy="0"/>
          </a:xfrm>
          <a:prstGeom prst="straightConnector1">
            <a:avLst/>
          </a:prstGeom>
          <a:ln w="19050"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Gerade Verbindung mit Pfeil 9">
            <a:extLst>
              <a:ext uri="{FF2B5EF4-FFF2-40B4-BE49-F238E27FC236}">
                <a16:creationId xmlns:a16="http://schemas.microsoft.com/office/drawing/2014/main" id="{05669047-243E-0B66-F451-2C97424AFE59}"/>
              </a:ext>
            </a:extLst>
          </p:cNvPr>
          <p:cNvCxnSpPr>
            <a:cxnSpLocks/>
          </p:cNvCxnSpPr>
          <p:nvPr/>
        </p:nvCxnSpPr>
        <p:spPr>
          <a:xfrm flipV="1">
            <a:off x="1262568" y="4700135"/>
            <a:ext cx="0" cy="1046057"/>
          </a:xfrm>
          <a:prstGeom prst="straightConnector1">
            <a:avLst/>
          </a:prstGeom>
          <a:ln w="19050"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Textfeld 10">
            <a:extLst>
              <a:ext uri="{FF2B5EF4-FFF2-40B4-BE49-F238E27FC236}">
                <a16:creationId xmlns:a16="http://schemas.microsoft.com/office/drawing/2014/main" id="{78D74A26-0115-6997-8B45-B3224C73EB25}"/>
              </a:ext>
            </a:extLst>
          </p:cNvPr>
          <p:cNvSpPr txBox="1"/>
          <p:nvPr/>
        </p:nvSpPr>
        <p:spPr>
          <a:xfrm>
            <a:off x="1135770" y="5738512"/>
            <a:ext cx="954107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000" dirty="0">
                <a:latin typeface="+mn-lt"/>
              </a:rPr>
              <a:t>0     1    2    . . . </a:t>
            </a:r>
          </a:p>
        </p:txBody>
      </p:sp>
      <p:sp>
        <p:nvSpPr>
          <p:cNvPr id="14" name="Textfeld 13">
            <a:extLst>
              <a:ext uri="{FF2B5EF4-FFF2-40B4-BE49-F238E27FC236}">
                <a16:creationId xmlns:a16="http://schemas.microsoft.com/office/drawing/2014/main" id="{1FB9DE60-D896-5A12-2BD7-0FFE97A6152B}"/>
              </a:ext>
            </a:extLst>
          </p:cNvPr>
          <p:cNvSpPr txBox="1"/>
          <p:nvPr/>
        </p:nvSpPr>
        <p:spPr>
          <a:xfrm>
            <a:off x="2889110" y="5760582"/>
            <a:ext cx="373820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000" dirty="0">
                <a:latin typeface="+mn-lt"/>
              </a:rPr>
              <a:t>N-1</a:t>
            </a:r>
          </a:p>
        </p:txBody>
      </p:sp>
      <p:sp>
        <p:nvSpPr>
          <p:cNvPr id="18" name="Textfeld 17">
            <a:extLst>
              <a:ext uri="{FF2B5EF4-FFF2-40B4-BE49-F238E27FC236}">
                <a16:creationId xmlns:a16="http://schemas.microsoft.com/office/drawing/2014/main" id="{D499FC16-6F4A-7400-BEE5-3185DB603C5C}"/>
              </a:ext>
            </a:extLst>
          </p:cNvPr>
          <p:cNvSpPr txBox="1"/>
          <p:nvPr/>
        </p:nvSpPr>
        <p:spPr>
          <a:xfrm>
            <a:off x="3262930" y="5738511"/>
            <a:ext cx="248786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000" dirty="0">
                <a:latin typeface="+mn-lt"/>
              </a:rPr>
              <a:t>k</a:t>
            </a:r>
          </a:p>
        </p:txBody>
      </p:sp>
      <p:cxnSp>
        <p:nvCxnSpPr>
          <p:cNvPr id="20" name="Gerader Verbinder 19">
            <a:extLst>
              <a:ext uri="{FF2B5EF4-FFF2-40B4-BE49-F238E27FC236}">
                <a16:creationId xmlns:a16="http://schemas.microsoft.com/office/drawing/2014/main" id="{A27CD67E-096A-DC6E-9302-1250EE77B09C}"/>
              </a:ext>
            </a:extLst>
          </p:cNvPr>
          <p:cNvCxnSpPr>
            <a:cxnSpLocks/>
          </p:cNvCxnSpPr>
          <p:nvPr/>
        </p:nvCxnSpPr>
        <p:spPr>
          <a:xfrm flipV="1">
            <a:off x="1264691" y="5438785"/>
            <a:ext cx="0" cy="299726"/>
          </a:xfrm>
          <a:prstGeom prst="line">
            <a:avLst/>
          </a:prstGeom>
          <a:ln w="15875">
            <a:solidFill>
              <a:srgbClr val="00B050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Gerader Verbinder 21">
            <a:extLst>
              <a:ext uri="{FF2B5EF4-FFF2-40B4-BE49-F238E27FC236}">
                <a16:creationId xmlns:a16="http://schemas.microsoft.com/office/drawing/2014/main" id="{DCF4C0C9-EAA9-FB25-497E-D013BDA93F33}"/>
              </a:ext>
            </a:extLst>
          </p:cNvPr>
          <p:cNvCxnSpPr>
            <a:cxnSpLocks/>
          </p:cNvCxnSpPr>
          <p:nvPr/>
        </p:nvCxnSpPr>
        <p:spPr>
          <a:xfrm flipV="1">
            <a:off x="1662109" y="5482314"/>
            <a:ext cx="0" cy="256197"/>
          </a:xfrm>
          <a:prstGeom prst="line">
            <a:avLst/>
          </a:prstGeom>
          <a:ln w="15875">
            <a:solidFill>
              <a:schemeClr val="accent6">
                <a:lumMod val="75000"/>
              </a:schemeClr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Gerader Verbinder 25">
            <a:extLst>
              <a:ext uri="{FF2B5EF4-FFF2-40B4-BE49-F238E27FC236}">
                <a16:creationId xmlns:a16="http://schemas.microsoft.com/office/drawing/2014/main" id="{1AD18369-2327-CB43-6E3B-69E5A5AF2240}"/>
              </a:ext>
            </a:extLst>
          </p:cNvPr>
          <p:cNvCxnSpPr>
            <a:cxnSpLocks/>
          </p:cNvCxnSpPr>
          <p:nvPr/>
        </p:nvCxnSpPr>
        <p:spPr>
          <a:xfrm flipV="1">
            <a:off x="1860818" y="5570579"/>
            <a:ext cx="0" cy="167932"/>
          </a:xfrm>
          <a:prstGeom prst="line">
            <a:avLst/>
          </a:prstGeom>
          <a:ln w="15875">
            <a:solidFill>
              <a:srgbClr val="7030A0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Gerader Verbinder 26">
            <a:extLst>
              <a:ext uri="{FF2B5EF4-FFF2-40B4-BE49-F238E27FC236}">
                <a16:creationId xmlns:a16="http://schemas.microsoft.com/office/drawing/2014/main" id="{AD40542D-B3AB-341B-9A5F-0B9CC60B98B3}"/>
              </a:ext>
            </a:extLst>
          </p:cNvPr>
          <p:cNvCxnSpPr>
            <a:cxnSpLocks/>
          </p:cNvCxnSpPr>
          <p:nvPr/>
        </p:nvCxnSpPr>
        <p:spPr>
          <a:xfrm flipV="1">
            <a:off x="2059527" y="5505450"/>
            <a:ext cx="0" cy="233061"/>
          </a:xfrm>
          <a:prstGeom prst="line">
            <a:avLst/>
          </a:prstGeom>
          <a:ln w="15875">
            <a:solidFill>
              <a:schemeClr val="accent6">
                <a:lumMod val="50000"/>
              </a:schemeClr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Gerader Verbinder 27">
            <a:extLst>
              <a:ext uri="{FF2B5EF4-FFF2-40B4-BE49-F238E27FC236}">
                <a16:creationId xmlns:a16="http://schemas.microsoft.com/office/drawing/2014/main" id="{535E7658-2DBD-1B61-2454-8FED0105B6D5}"/>
              </a:ext>
            </a:extLst>
          </p:cNvPr>
          <p:cNvCxnSpPr>
            <a:cxnSpLocks/>
          </p:cNvCxnSpPr>
          <p:nvPr/>
        </p:nvCxnSpPr>
        <p:spPr>
          <a:xfrm flipV="1">
            <a:off x="2258236" y="5645037"/>
            <a:ext cx="0" cy="93474"/>
          </a:xfrm>
          <a:prstGeom prst="line">
            <a:avLst/>
          </a:prstGeom>
          <a:ln w="15875">
            <a:solidFill>
              <a:srgbClr val="FFC000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Gerader Verbinder 28">
            <a:extLst>
              <a:ext uri="{FF2B5EF4-FFF2-40B4-BE49-F238E27FC236}">
                <a16:creationId xmlns:a16="http://schemas.microsoft.com/office/drawing/2014/main" id="{08D0AC5D-A30B-197F-1252-2147BA58B8F0}"/>
              </a:ext>
            </a:extLst>
          </p:cNvPr>
          <p:cNvCxnSpPr>
            <a:cxnSpLocks/>
          </p:cNvCxnSpPr>
          <p:nvPr/>
        </p:nvCxnSpPr>
        <p:spPr>
          <a:xfrm flipV="1">
            <a:off x="1463400" y="4786989"/>
            <a:ext cx="0" cy="951522"/>
          </a:xfrm>
          <a:prstGeom prst="line">
            <a:avLst/>
          </a:prstGeom>
          <a:ln w="15875">
            <a:solidFill>
              <a:schemeClr val="accent4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0" name="Grafik 29">
            <a:extLst>
              <a:ext uri="{FF2B5EF4-FFF2-40B4-BE49-F238E27FC236}">
                <a16:creationId xmlns:a16="http://schemas.microsoft.com/office/drawing/2014/main" id="{7D97D726-0A40-9DD0-21BB-56CD25FACF5E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8718" y="4464351"/>
            <a:ext cx="287700" cy="239107"/>
          </a:xfrm>
          <a:prstGeom prst="rect">
            <a:avLst/>
          </a:prstGeom>
        </p:spPr>
      </p:pic>
      <p:cxnSp>
        <p:nvCxnSpPr>
          <p:cNvPr id="31" name="Gerader Verbinder 30">
            <a:extLst>
              <a:ext uri="{FF2B5EF4-FFF2-40B4-BE49-F238E27FC236}">
                <a16:creationId xmlns:a16="http://schemas.microsoft.com/office/drawing/2014/main" id="{8C6F0047-5099-71CD-DE5F-B7EC3E888BCD}"/>
              </a:ext>
            </a:extLst>
          </p:cNvPr>
          <p:cNvCxnSpPr>
            <a:cxnSpLocks/>
          </p:cNvCxnSpPr>
          <p:nvPr/>
        </p:nvCxnSpPr>
        <p:spPr>
          <a:xfrm flipV="1">
            <a:off x="3053074" y="4786989"/>
            <a:ext cx="0" cy="951522"/>
          </a:xfrm>
          <a:prstGeom prst="line">
            <a:avLst/>
          </a:prstGeom>
          <a:ln w="15875">
            <a:solidFill>
              <a:schemeClr val="accent4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Gerader Verbinder 31">
            <a:extLst>
              <a:ext uri="{FF2B5EF4-FFF2-40B4-BE49-F238E27FC236}">
                <a16:creationId xmlns:a16="http://schemas.microsoft.com/office/drawing/2014/main" id="{41CB89F5-7B43-B898-6389-9FC753858676}"/>
              </a:ext>
            </a:extLst>
          </p:cNvPr>
          <p:cNvCxnSpPr>
            <a:cxnSpLocks/>
          </p:cNvCxnSpPr>
          <p:nvPr/>
        </p:nvCxnSpPr>
        <p:spPr>
          <a:xfrm flipV="1">
            <a:off x="2854363" y="5482314"/>
            <a:ext cx="0" cy="256197"/>
          </a:xfrm>
          <a:prstGeom prst="line">
            <a:avLst/>
          </a:prstGeom>
          <a:ln w="15875">
            <a:solidFill>
              <a:schemeClr val="accent6">
                <a:lumMod val="75000"/>
              </a:schemeClr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Gerader Verbinder 32">
            <a:extLst>
              <a:ext uri="{FF2B5EF4-FFF2-40B4-BE49-F238E27FC236}">
                <a16:creationId xmlns:a16="http://schemas.microsoft.com/office/drawing/2014/main" id="{28937C5E-3F8E-D0DE-F8EB-F5BD5AD6DFE8}"/>
              </a:ext>
            </a:extLst>
          </p:cNvPr>
          <p:cNvCxnSpPr>
            <a:cxnSpLocks/>
          </p:cNvCxnSpPr>
          <p:nvPr/>
        </p:nvCxnSpPr>
        <p:spPr>
          <a:xfrm flipV="1">
            <a:off x="2655654" y="5570579"/>
            <a:ext cx="0" cy="167932"/>
          </a:xfrm>
          <a:prstGeom prst="line">
            <a:avLst/>
          </a:prstGeom>
          <a:ln w="15875">
            <a:solidFill>
              <a:srgbClr val="7030A0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Gerader Verbinder 33">
            <a:extLst>
              <a:ext uri="{FF2B5EF4-FFF2-40B4-BE49-F238E27FC236}">
                <a16:creationId xmlns:a16="http://schemas.microsoft.com/office/drawing/2014/main" id="{F6686FF0-FA1A-2DC6-D2E4-F4D98FC24DA1}"/>
              </a:ext>
            </a:extLst>
          </p:cNvPr>
          <p:cNvCxnSpPr>
            <a:cxnSpLocks/>
          </p:cNvCxnSpPr>
          <p:nvPr/>
        </p:nvCxnSpPr>
        <p:spPr>
          <a:xfrm flipV="1">
            <a:off x="2456945" y="5505450"/>
            <a:ext cx="0" cy="228298"/>
          </a:xfrm>
          <a:prstGeom prst="line">
            <a:avLst/>
          </a:prstGeom>
          <a:ln w="15875">
            <a:solidFill>
              <a:schemeClr val="accent6">
                <a:lumMod val="50000"/>
              </a:schemeClr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1" name="Textfeld 40">
            <a:extLst>
              <a:ext uri="{FF2B5EF4-FFF2-40B4-BE49-F238E27FC236}">
                <a16:creationId xmlns:a16="http://schemas.microsoft.com/office/drawing/2014/main" id="{66596D30-4027-2AB1-38DA-3A3BA141271B}"/>
              </a:ext>
            </a:extLst>
          </p:cNvPr>
          <p:cNvSpPr txBox="1"/>
          <p:nvPr/>
        </p:nvSpPr>
        <p:spPr>
          <a:xfrm>
            <a:off x="2136010" y="6092264"/>
            <a:ext cx="1019831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DE" sz="800" dirty="0" err="1">
                <a:latin typeface="+mn-lt"/>
              </a:rPr>
              <a:t>Nyquist-Frequency</a:t>
            </a:r>
            <a:r>
              <a:rPr lang="de-DE" sz="800" dirty="0">
                <a:latin typeface="+mn-lt"/>
              </a:rPr>
              <a:t>:</a:t>
            </a:r>
            <a:br>
              <a:rPr lang="de-DE" sz="800" dirty="0">
                <a:latin typeface="+mn-lt"/>
              </a:rPr>
            </a:br>
            <a:r>
              <a:rPr lang="de-DE" sz="800" dirty="0">
                <a:latin typeface="+mn-lt"/>
              </a:rPr>
              <a:t>k=N/2</a:t>
            </a:r>
          </a:p>
        </p:txBody>
      </p:sp>
      <p:cxnSp>
        <p:nvCxnSpPr>
          <p:cNvPr id="43" name="Gerader Verbinder 42">
            <a:extLst>
              <a:ext uri="{FF2B5EF4-FFF2-40B4-BE49-F238E27FC236}">
                <a16:creationId xmlns:a16="http://schemas.microsoft.com/office/drawing/2014/main" id="{6BF16E86-F1CA-9846-5F55-8E3DCCB1F3EE}"/>
              </a:ext>
            </a:extLst>
          </p:cNvPr>
          <p:cNvCxnSpPr/>
          <p:nvPr/>
        </p:nvCxnSpPr>
        <p:spPr>
          <a:xfrm>
            <a:off x="2281306" y="5799877"/>
            <a:ext cx="175639" cy="338554"/>
          </a:xfrm>
          <a:prstGeom prst="line">
            <a:avLst/>
          </a:prstGeom>
          <a:ln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" name="Textfeld 43">
            <a:extLst>
              <a:ext uri="{FF2B5EF4-FFF2-40B4-BE49-F238E27FC236}">
                <a16:creationId xmlns:a16="http://schemas.microsoft.com/office/drawing/2014/main" id="{7032FD14-D5D5-EAFC-0BFF-FBFCE55590F1}"/>
              </a:ext>
            </a:extLst>
          </p:cNvPr>
          <p:cNvSpPr txBox="1"/>
          <p:nvPr/>
        </p:nvSpPr>
        <p:spPr>
          <a:xfrm>
            <a:off x="255179" y="5057209"/>
            <a:ext cx="707245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DE" sz="800" dirty="0">
                <a:latin typeface="+mn-lt"/>
              </a:rPr>
              <a:t>Offset/Bias:</a:t>
            </a:r>
            <a:br>
              <a:rPr lang="de-DE" sz="800" dirty="0">
                <a:latin typeface="+mn-lt"/>
              </a:rPr>
            </a:br>
            <a:r>
              <a:rPr lang="de-DE" sz="800" dirty="0">
                <a:latin typeface="+mn-lt"/>
              </a:rPr>
              <a:t>k=0</a:t>
            </a:r>
          </a:p>
        </p:txBody>
      </p:sp>
      <p:cxnSp>
        <p:nvCxnSpPr>
          <p:cNvPr id="46" name="Gerader Verbinder 45">
            <a:extLst>
              <a:ext uri="{FF2B5EF4-FFF2-40B4-BE49-F238E27FC236}">
                <a16:creationId xmlns:a16="http://schemas.microsoft.com/office/drawing/2014/main" id="{B33F2F3F-5BC6-1B22-445F-C52A3AFDAAA5}"/>
              </a:ext>
            </a:extLst>
          </p:cNvPr>
          <p:cNvCxnSpPr/>
          <p:nvPr/>
        </p:nvCxnSpPr>
        <p:spPr>
          <a:xfrm>
            <a:off x="795338" y="5262750"/>
            <a:ext cx="395287" cy="176035"/>
          </a:xfrm>
          <a:prstGeom prst="line">
            <a:avLst/>
          </a:prstGeom>
          <a:ln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8" name="Textfeld 47">
            <a:extLst>
              <a:ext uri="{FF2B5EF4-FFF2-40B4-BE49-F238E27FC236}">
                <a16:creationId xmlns:a16="http://schemas.microsoft.com/office/drawing/2014/main" id="{8AE478AB-E257-98B9-BDBD-D6F204F3B4D9}"/>
              </a:ext>
            </a:extLst>
          </p:cNvPr>
          <p:cNvSpPr txBox="1"/>
          <p:nvPr/>
        </p:nvSpPr>
        <p:spPr>
          <a:xfrm>
            <a:off x="1511302" y="4935887"/>
            <a:ext cx="612668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000" dirty="0">
                <a:solidFill>
                  <a:schemeClr val="bg1"/>
                </a:solidFill>
                <a:latin typeface="+mn-lt"/>
              </a:rPr>
              <a:t>positive</a:t>
            </a:r>
          </a:p>
        </p:txBody>
      </p:sp>
      <p:sp>
        <p:nvSpPr>
          <p:cNvPr id="50" name="Textfeld 49">
            <a:extLst>
              <a:ext uri="{FF2B5EF4-FFF2-40B4-BE49-F238E27FC236}">
                <a16:creationId xmlns:a16="http://schemas.microsoft.com/office/drawing/2014/main" id="{AC1F4A42-A32B-3FE1-8719-D60427116F4A}"/>
              </a:ext>
            </a:extLst>
          </p:cNvPr>
          <p:cNvSpPr txBox="1"/>
          <p:nvPr/>
        </p:nvSpPr>
        <p:spPr>
          <a:xfrm>
            <a:off x="2392919" y="4935887"/>
            <a:ext cx="647934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000" dirty="0">
                <a:solidFill>
                  <a:schemeClr val="bg1"/>
                </a:solidFill>
                <a:latin typeface="+mn-lt"/>
              </a:rPr>
              <a:t>negative</a:t>
            </a:r>
          </a:p>
        </p:txBody>
      </p:sp>
    </p:spTree>
    <p:extLst>
      <p:ext uri="{BB962C8B-B14F-4D97-AF65-F5344CB8AC3E}">
        <p14:creationId xmlns:p14="http://schemas.microsoft.com/office/powerpoint/2010/main" val="146713172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1" name="Textfeld 40">
            <a:extLst>
              <a:ext uri="{FF2B5EF4-FFF2-40B4-BE49-F238E27FC236}">
                <a16:creationId xmlns:a16="http://schemas.microsoft.com/office/drawing/2014/main" id="{05F2B298-3CE3-90B0-0D37-2AD05EE91269}"/>
              </a:ext>
            </a:extLst>
          </p:cNvPr>
          <p:cNvSpPr txBox="1"/>
          <p:nvPr/>
        </p:nvSpPr>
        <p:spPr>
          <a:xfrm>
            <a:off x="188513" y="2276519"/>
            <a:ext cx="9090822" cy="135421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1600" dirty="0">
                <a:latin typeface="+mn-lt"/>
              </a:rPr>
              <a:t>Analyzing a time domain signal in the frequency domain ⇝ Fourier Transform</a:t>
            </a:r>
            <a:br>
              <a:rPr lang="en-US" sz="1600" dirty="0">
                <a:latin typeface="+mn-lt"/>
              </a:rPr>
            </a:br>
            <a:endParaRPr lang="en-US" sz="1600" dirty="0">
              <a:latin typeface="+mn-lt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1600" dirty="0">
                <a:latin typeface="+mn-lt"/>
              </a:rPr>
              <a:t>The fast Fourier transform (FFT) is an efficient method to compute a discrete Fourier transform (DFT)</a:t>
            </a:r>
            <a:br>
              <a:rPr lang="de-DE" sz="1600" dirty="0">
                <a:latin typeface="+mn-lt"/>
              </a:rPr>
            </a:br>
            <a:endParaRPr lang="de-DE" sz="1600" dirty="0">
              <a:latin typeface="+mn-lt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e-DE" u="sng" dirty="0" err="1">
                <a:latin typeface="+mn-lt"/>
              </a:rPr>
              <a:t>Example</a:t>
            </a:r>
            <a:endParaRPr lang="de-DE" u="sng" dirty="0">
              <a:latin typeface="+mn-lt"/>
            </a:endParaRPr>
          </a:p>
        </p:txBody>
      </p:sp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CB58DC10-CD16-F6EA-79F4-C14D2D3670E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2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DE6F6B1C-BB8E-8CE1-DC5D-9B107569CEAB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250868" y="2032000"/>
            <a:ext cx="7093900" cy="324513"/>
          </a:xfrm>
        </p:spPr>
        <p:txBody>
          <a:bodyPr/>
          <a:lstStyle/>
          <a:p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D0BA69E1-4BCD-2F7C-E994-BC96FB4B7A8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/D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Objectives</a:t>
            </a:r>
            <a:endParaRPr lang="de-DE" dirty="0"/>
          </a:p>
        </p:txBody>
      </p:sp>
      <p:pic>
        <p:nvPicPr>
          <p:cNvPr id="13" name="Grafik 12">
            <a:extLst>
              <a:ext uri="{FF2B5EF4-FFF2-40B4-BE49-F238E27FC236}">
                <a16:creationId xmlns:a16="http://schemas.microsoft.com/office/drawing/2014/main" id="{6B7B476F-0FCF-47A6-3B5A-96D5DA84BBEA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9902" y="3853884"/>
            <a:ext cx="2757019" cy="204725"/>
          </a:xfrm>
          <a:prstGeom prst="rect">
            <a:avLst/>
          </a:prstGeom>
        </p:spPr>
      </p:pic>
      <p:pic>
        <p:nvPicPr>
          <p:cNvPr id="66" name="Grafik 65">
            <a:extLst>
              <a:ext uri="{FF2B5EF4-FFF2-40B4-BE49-F238E27FC236}">
                <a16:creationId xmlns:a16="http://schemas.microsoft.com/office/drawing/2014/main" id="{F67CD0D1-B14A-8FFC-A47A-B9425993066C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9903" y="4818864"/>
            <a:ext cx="1338751" cy="1092058"/>
          </a:xfrm>
          <a:prstGeom prst="rect">
            <a:avLst/>
          </a:prstGeom>
        </p:spPr>
      </p:pic>
      <p:sp>
        <p:nvSpPr>
          <p:cNvPr id="28" name="Textfeld 27">
            <a:extLst>
              <a:ext uri="{FF2B5EF4-FFF2-40B4-BE49-F238E27FC236}">
                <a16:creationId xmlns:a16="http://schemas.microsoft.com/office/drawing/2014/main" id="{9E9FDC0D-0B01-D61A-5EA6-A90E2649FFC4}"/>
              </a:ext>
            </a:extLst>
          </p:cNvPr>
          <p:cNvSpPr txBox="1"/>
          <p:nvPr/>
        </p:nvSpPr>
        <p:spPr>
          <a:xfrm>
            <a:off x="414440" y="4480312"/>
            <a:ext cx="125277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b="1" u="sng" dirty="0">
                <a:latin typeface="+mn-lt"/>
              </a:rPr>
              <a:t>Parameters</a:t>
            </a:r>
            <a:r>
              <a:rPr lang="de-DE" sz="1600" dirty="0">
                <a:latin typeface="+mn-lt"/>
              </a:rPr>
              <a:t>:</a:t>
            </a:r>
          </a:p>
        </p:txBody>
      </p:sp>
      <p:pic>
        <p:nvPicPr>
          <p:cNvPr id="48" name="Grafik 47">
            <a:extLst>
              <a:ext uri="{FF2B5EF4-FFF2-40B4-BE49-F238E27FC236}">
                <a16:creationId xmlns:a16="http://schemas.microsoft.com/office/drawing/2014/main" id="{7EA562A7-AAC1-1DA7-110B-5633C10F03AB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9902" y="6298312"/>
            <a:ext cx="1316282" cy="156117"/>
          </a:xfrm>
          <a:prstGeom prst="rect">
            <a:avLst/>
          </a:prstGeom>
        </p:spPr>
      </p:pic>
      <p:pic>
        <p:nvPicPr>
          <p:cNvPr id="55" name="Grafik 54">
            <a:extLst>
              <a:ext uri="{FF2B5EF4-FFF2-40B4-BE49-F238E27FC236}">
                <a16:creationId xmlns:a16="http://schemas.microsoft.com/office/drawing/2014/main" id="{218E9783-40B5-5A73-1477-44706DBBE23D}"/>
              </a:ext>
            </a:extLst>
          </p:cNvPr>
          <p:cNvPicPr>
            <a:picLocks noChangeAspect="1"/>
          </p:cNvPicPr>
          <p:nvPr/>
        </p:nvPicPr>
        <p:blipFill>
          <a:blip r:embed="rId12"/>
          <a:stretch>
            <a:fillRect/>
          </a:stretch>
        </p:blipFill>
        <p:spPr>
          <a:xfrm>
            <a:off x="3831322" y="3141198"/>
            <a:ext cx="4300756" cy="3195608"/>
          </a:xfrm>
          <a:prstGeom prst="rect">
            <a:avLst/>
          </a:prstGeom>
        </p:spPr>
      </p:pic>
      <p:pic>
        <p:nvPicPr>
          <p:cNvPr id="59" name="Grafik 58">
            <a:extLst>
              <a:ext uri="{FF2B5EF4-FFF2-40B4-BE49-F238E27FC236}">
                <a16:creationId xmlns:a16="http://schemas.microsoft.com/office/drawing/2014/main" id="{15C81086-FA55-C96B-1A03-21118035DDE3}"/>
              </a:ext>
            </a:extLst>
          </p:cNvPr>
          <p:cNvPicPr>
            <a:picLocks noChangeAspect="1"/>
          </p:cNvPicPr>
          <p:nvPr/>
        </p:nvPicPr>
        <p:blipFill>
          <a:blip r:embed="rId13"/>
          <a:stretch>
            <a:fillRect/>
          </a:stretch>
        </p:blipFill>
        <p:spPr>
          <a:xfrm>
            <a:off x="9470178" y="4769123"/>
            <a:ext cx="2239222" cy="1584089"/>
          </a:xfrm>
          <a:prstGeom prst="rect">
            <a:avLst/>
          </a:prstGeom>
        </p:spPr>
      </p:pic>
      <p:sp>
        <p:nvSpPr>
          <p:cNvPr id="60" name="Bogen 59">
            <a:extLst>
              <a:ext uri="{FF2B5EF4-FFF2-40B4-BE49-F238E27FC236}">
                <a16:creationId xmlns:a16="http://schemas.microsoft.com/office/drawing/2014/main" id="{6796D24A-946B-2F81-0F20-B2FFA0C434B2}"/>
              </a:ext>
            </a:extLst>
          </p:cNvPr>
          <p:cNvSpPr/>
          <p:nvPr/>
        </p:nvSpPr>
        <p:spPr>
          <a:xfrm rot="21034782">
            <a:off x="1677056" y="3497378"/>
            <a:ext cx="2479698" cy="324513"/>
          </a:xfrm>
          <a:prstGeom prst="arc">
            <a:avLst>
              <a:gd name="adj1" fmla="val 10934930"/>
              <a:gd name="adj2" fmla="val 21413567"/>
            </a:avLst>
          </a:prstGeom>
          <a:ln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61" name="Bogen 60">
            <a:extLst>
              <a:ext uri="{FF2B5EF4-FFF2-40B4-BE49-F238E27FC236}">
                <a16:creationId xmlns:a16="http://schemas.microsoft.com/office/drawing/2014/main" id="{EE081861-1783-B023-E1BA-B50772CE10A3}"/>
              </a:ext>
            </a:extLst>
          </p:cNvPr>
          <p:cNvSpPr/>
          <p:nvPr/>
        </p:nvSpPr>
        <p:spPr>
          <a:xfrm rot="12900365">
            <a:off x="2654200" y="4367129"/>
            <a:ext cx="1856314" cy="212304"/>
          </a:xfrm>
          <a:prstGeom prst="arc">
            <a:avLst>
              <a:gd name="adj1" fmla="val 10934930"/>
              <a:gd name="adj2" fmla="val 21413567"/>
            </a:avLst>
          </a:prstGeom>
          <a:ln>
            <a:solidFill>
              <a:schemeClr val="tx2"/>
            </a:solidFill>
            <a:headEnd type="triangl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cxnSp>
        <p:nvCxnSpPr>
          <p:cNvPr id="63" name="Gerade Verbindung mit Pfeil 62">
            <a:extLst>
              <a:ext uri="{FF2B5EF4-FFF2-40B4-BE49-F238E27FC236}">
                <a16:creationId xmlns:a16="http://schemas.microsoft.com/office/drawing/2014/main" id="{C65E02E0-0AC4-F101-F8C5-203B756D29E1}"/>
              </a:ext>
            </a:extLst>
          </p:cNvPr>
          <p:cNvCxnSpPr/>
          <p:nvPr/>
        </p:nvCxnSpPr>
        <p:spPr>
          <a:xfrm>
            <a:off x="881508" y="4022636"/>
            <a:ext cx="3144483" cy="1397980"/>
          </a:xfrm>
          <a:prstGeom prst="straightConnector1">
            <a:avLst/>
          </a:prstGeom>
          <a:ln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7" name="Textfeld 66">
            <a:extLst>
              <a:ext uri="{FF2B5EF4-FFF2-40B4-BE49-F238E27FC236}">
                <a16:creationId xmlns:a16="http://schemas.microsoft.com/office/drawing/2014/main" id="{6817B3F4-E95A-A859-DAB7-E6C389FCAFEE}"/>
              </a:ext>
            </a:extLst>
          </p:cNvPr>
          <p:cNvSpPr txBox="1"/>
          <p:nvPr/>
        </p:nvSpPr>
        <p:spPr>
          <a:xfrm>
            <a:off x="6568402" y="6227846"/>
            <a:ext cx="776366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latin typeface="+mn-lt"/>
              </a:rPr>
              <a:t>Time -&gt;</a:t>
            </a:r>
          </a:p>
        </p:txBody>
      </p:sp>
      <p:pic>
        <p:nvPicPr>
          <p:cNvPr id="74" name="Grafik 73">
            <a:extLst>
              <a:ext uri="{FF2B5EF4-FFF2-40B4-BE49-F238E27FC236}">
                <a16:creationId xmlns:a16="http://schemas.microsoft.com/office/drawing/2014/main" id="{5527BC91-35BD-7BB5-AA07-34AE019D8A73}"/>
              </a:ext>
            </a:extLst>
          </p:cNvPr>
          <p:cNvPicPr>
            <a:picLocks noChangeAspect="1"/>
          </p:cNvPicPr>
          <p:nvPr/>
        </p:nvPicPr>
        <p:blipFill rotWithShape="1">
          <a:blip r:embed="rId14"/>
          <a:srcRect l="20940"/>
          <a:stretch/>
        </p:blipFill>
        <p:spPr>
          <a:xfrm>
            <a:off x="8132078" y="5437087"/>
            <a:ext cx="1247156" cy="662997"/>
          </a:xfrm>
          <a:prstGeom prst="rect">
            <a:avLst/>
          </a:prstGeom>
        </p:spPr>
      </p:pic>
      <p:pic>
        <p:nvPicPr>
          <p:cNvPr id="76" name="Grafik 75">
            <a:extLst>
              <a:ext uri="{FF2B5EF4-FFF2-40B4-BE49-F238E27FC236}">
                <a16:creationId xmlns:a16="http://schemas.microsoft.com/office/drawing/2014/main" id="{8C1B40E3-06E0-CBB1-A98B-E7F86E29AD2A}"/>
              </a:ext>
            </a:extLst>
          </p:cNvPr>
          <p:cNvPicPr>
            <a:picLocks noChangeAspect="1"/>
          </p:cNvPicPr>
          <p:nvPr>
            <p:custDataLst>
              <p:tags r:id="rId4"/>
            </p:custDataLst>
          </p:nvPr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479326" y="5446482"/>
            <a:ext cx="552659" cy="94742"/>
          </a:xfrm>
          <a:prstGeom prst="rect">
            <a:avLst/>
          </a:prstGeom>
        </p:spPr>
      </p:pic>
      <p:pic>
        <p:nvPicPr>
          <p:cNvPr id="85" name="Grafik 84">
            <a:extLst>
              <a:ext uri="{FF2B5EF4-FFF2-40B4-BE49-F238E27FC236}">
                <a16:creationId xmlns:a16="http://schemas.microsoft.com/office/drawing/2014/main" id="{5C23465F-BEE5-6F54-9E45-29958C67276A}"/>
              </a:ext>
            </a:extLst>
          </p:cNvPr>
          <p:cNvPicPr>
            <a:picLocks noChangeAspect="1"/>
          </p:cNvPicPr>
          <p:nvPr>
            <p:custDataLst>
              <p:tags r:id="rId5"/>
            </p:custDataLst>
          </p:nvPr>
        </p:nvPicPr>
        <p:blipFill>
          <a:blip r:embed="rId1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031985" y="4356091"/>
            <a:ext cx="2757996" cy="355640"/>
          </a:xfrm>
          <a:prstGeom prst="rect">
            <a:avLst/>
          </a:prstGeom>
        </p:spPr>
      </p:pic>
      <p:grpSp>
        <p:nvGrpSpPr>
          <p:cNvPr id="54" name="Gruppieren 53">
            <a:extLst>
              <a:ext uri="{FF2B5EF4-FFF2-40B4-BE49-F238E27FC236}">
                <a16:creationId xmlns:a16="http://schemas.microsoft.com/office/drawing/2014/main" id="{8AD2E50C-E9F6-48D3-BB13-EDBEF90B80F9}"/>
              </a:ext>
            </a:extLst>
          </p:cNvPr>
          <p:cNvGrpSpPr/>
          <p:nvPr/>
        </p:nvGrpSpPr>
        <p:grpSpPr>
          <a:xfrm>
            <a:off x="9237436" y="1780594"/>
            <a:ext cx="2568676" cy="2373395"/>
            <a:chOff x="9237436" y="1780594"/>
            <a:chExt cx="2568676" cy="2373395"/>
          </a:xfrm>
        </p:grpSpPr>
        <p:sp>
          <p:nvSpPr>
            <p:cNvPr id="42" name="Rechteck 41">
              <a:extLst>
                <a:ext uri="{FF2B5EF4-FFF2-40B4-BE49-F238E27FC236}">
                  <a16:creationId xmlns:a16="http://schemas.microsoft.com/office/drawing/2014/main" id="{FE1CACAD-CF9A-706C-E109-6E8B6420150E}"/>
                </a:ext>
              </a:extLst>
            </p:cNvPr>
            <p:cNvSpPr/>
            <p:nvPr/>
          </p:nvSpPr>
          <p:spPr>
            <a:xfrm>
              <a:off x="9237436" y="1780594"/>
              <a:ext cx="2568676" cy="1669193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sz="1600" dirty="0"/>
            </a:p>
          </p:txBody>
        </p:sp>
        <p:cxnSp>
          <p:nvCxnSpPr>
            <p:cNvPr id="23" name="Gerade Verbindung mit Pfeil 22">
              <a:extLst>
                <a:ext uri="{FF2B5EF4-FFF2-40B4-BE49-F238E27FC236}">
                  <a16:creationId xmlns:a16="http://schemas.microsoft.com/office/drawing/2014/main" id="{3E0F1C9B-BFA2-CA15-5473-0632D8F8501A}"/>
                </a:ext>
              </a:extLst>
            </p:cNvPr>
            <p:cNvCxnSpPr/>
            <p:nvPr/>
          </p:nvCxnSpPr>
          <p:spPr>
            <a:xfrm>
              <a:off x="9532027" y="3122489"/>
              <a:ext cx="2135777" cy="0"/>
            </a:xfrm>
            <a:prstGeom prst="straightConnector1">
              <a:avLst/>
            </a:prstGeom>
            <a:ln w="19050"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mit Pfeil 23">
              <a:extLst>
                <a:ext uri="{FF2B5EF4-FFF2-40B4-BE49-F238E27FC236}">
                  <a16:creationId xmlns:a16="http://schemas.microsoft.com/office/drawing/2014/main" id="{4F658EED-E5E0-1E14-DA1A-6C8569C71D45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540736" y="2076432"/>
              <a:ext cx="0" cy="1046057"/>
            </a:xfrm>
            <a:prstGeom prst="straightConnector1">
              <a:avLst/>
            </a:prstGeom>
            <a:ln w="19050"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7" name="Textfeld 26">
              <a:extLst>
                <a:ext uri="{FF2B5EF4-FFF2-40B4-BE49-F238E27FC236}">
                  <a16:creationId xmlns:a16="http://schemas.microsoft.com/office/drawing/2014/main" id="{1B4DE8B8-74FF-5CA3-6855-D2EE038BE2D5}"/>
                </a:ext>
              </a:extLst>
            </p:cNvPr>
            <p:cNvSpPr txBox="1"/>
            <p:nvPr/>
          </p:nvSpPr>
          <p:spPr>
            <a:xfrm>
              <a:off x="11541098" y="3114808"/>
              <a:ext cx="223138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000" b="1" dirty="0">
                  <a:latin typeface="+mn-lt"/>
                </a:rPr>
                <a:t>f</a:t>
              </a:r>
            </a:p>
          </p:txBody>
        </p:sp>
        <p:cxnSp>
          <p:nvCxnSpPr>
            <p:cNvPr id="29" name="Gerader Verbinder 28">
              <a:extLst>
                <a:ext uri="{FF2B5EF4-FFF2-40B4-BE49-F238E27FC236}">
                  <a16:creationId xmlns:a16="http://schemas.microsoft.com/office/drawing/2014/main" id="{5D75F0B8-14BF-F35A-7D0B-DF14EDB5CFD8}"/>
                </a:ext>
              </a:extLst>
            </p:cNvPr>
            <p:cNvCxnSpPr>
              <a:cxnSpLocks/>
            </p:cNvCxnSpPr>
            <p:nvPr/>
          </p:nvCxnSpPr>
          <p:spPr>
            <a:xfrm>
              <a:off x="9542859" y="3114808"/>
              <a:ext cx="0" cy="0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0" name="Gerader Verbinder 29">
              <a:extLst>
                <a:ext uri="{FF2B5EF4-FFF2-40B4-BE49-F238E27FC236}">
                  <a16:creationId xmlns:a16="http://schemas.microsoft.com/office/drawing/2014/main" id="{7F29600F-C677-2B97-D886-8EB9EB9DD21F}"/>
                </a:ext>
              </a:extLst>
            </p:cNvPr>
            <p:cNvCxnSpPr>
              <a:cxnSpLocks/>
            </p:cNvCxnSpPr>
            <p:nvPr/>
          </p:nvCxnSpPr>
          <p:spPr>
            <a:xfrm>
              <a:off x="9940277" y="3114808"/>
              <a:ext cx="0" cy="0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Gerader Verbinder 30">
              <a:extLst>
                <a:ext uri="{FF2B5EF4-FFF2-40B4-BE49-F238E27FC236}">
                  <a16:creationId xmlns:a16="http://schemas.microsoft.com/office/drawing/2014/main" id="{0F1B52DF-1D80-1070-89BC-B288EF076161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138986" y="2356513"/>
              <a:ext cx="0" cy="758295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2" name="Gerader Verbinder 31">
              <a:extLst>
                <a:ext uri="{FF2B5EF4-FFF2-40B4-BE49-F238E27FC236}">
                  <a16:creationId xmlns:a16="http://schemas.microsoft.com/office/drawing/2014/main" id="{05AC7AE2-B727-B4B5-52BA-A8A22B186C65}"/>
                </a:ext>
              </a:extLst>
            </p:cNvPr>
            <p:cNvCxnSpPr>
              <a:cxnSpLocks/>
            </p:cNvCxnSpPr>
            <p:nvPr/>
          </p:nvCxnSpPr>
          <p:spPr>
            <a:xfrm>
              <a:off x="10337695" y="3114808"/>
              <a:ext cx="0" cy="0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3" name="Gerader Verbinder 32">
              <a:extLst>
                <a:ext uri="{FF2B5EF4-FFF2-40B4-BE49-F238E27FC236}">
                  <a16:creationId xmlns:a16="http://schemas.microsoft.com/office/drawing/2014/main" id="{60B33354-0B01-08A4-67AB-44C5345B0877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10521774" y="3114808"/>
              <a:ext cx="14630" cy="0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4" name="Gerader Verbinder 33">
              <a:extLst>
                <a:ext uri="{FF2B5EF4-FFF2-40B4-BE49-F238E27FC236}">
                  <a16:creationId xmlns:a16="http://schemas.microsoft.com/office/drawing/2014/main" id="{FC2A8FD3-DE21-3D5B-4AA6-E0716EBAE18A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741568" y="2163286"/>
              <a:ext cx="0" cy="951522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pic>
          <p:nvPicPr>
            <p:cNvPr id="35" name="Grafik 34">
              <a:extLst>
                <a:ext uri="{FF2B5EF4-FFF2-40B4-BE49-F238E27FC236}">
                  <a16:creationId xmlns:a16="http://schemas.microsoft.com/office/drawing/2014/main" id="{EE580E73-0F99-53DB-2994-8F1FD5480D92}"/>
                </a:ext>
              </a:extLst>
            </p:cNvPr>
            <p:cNvPicPr>
              <a:picLocks noChangeAspect="1"/>
            </p:cNvPicPr>
            <p:nvPr>
              <p:custDataLst>
                <p:tags r:id="rId6"/>
              </p:custDataLst>
            </p:nvPr>
          </p:nvPicPr>
          <p:blipFill>
            <a:blip r:embed="rId17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396886" y="1840648"/>
              <a:ext cx="287700" cy="239107"/>
            </a:xfrm>
            <a:prstGeom prst="rect">
              <a:avLst/>
            </a:prstGeom>
          </p:spPr>
        </p:pic>
        <p:cxnSp>
          <p:nvCxnSpPr>
            <p:cNvPr id="36" name="Gerader Verbinder 35">
              <a:extLst>
                <a:ext uri="{FF2B5EF4-FFF2-40B4-BE49-F238E27FC236}">
                  <a16:creationId xmlns:a16="http://schemas.microsoft.com/office/drawing/2014/main" id="{0D5F7CE5-F483-5A23-226D-27DB062E01DA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1331242" y="2163286"/>
              <a:ext cx="0" cy="951522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7" name="Gerader Verbinder 36">
              <a:extLst>
                <a:ext uri="{FF2B5EF4-FFF2-40B4-BE49-F238E27FC236}">
                  <a16:creationId xmlns:a16="http://schemas.microsoft.com/office/drawing/2014/main" id="{A5BD03B4-4829-4480-B0F6-DE3AA9B6B11E}"/>
                </a:ext>
              </a:extLst>
            </p:cNvPr>
            <p:cNvCxnSpPr>
              <a:cxnSpLocks/>
            </p:cNvCxnSpPr>
            <p:nvPr/>
          </p:nvCxnSpPr>
          <p:spPr>
            <a:xfrm>
              <a:off x="11132531" y="3114808"/>
              <a:ext cx="0" cy="0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8" name="Gerader Verbinder 37">
              <a:extLst>
                <a:ext uri="{FF2B5EF4-FFF2-40B4-BE49-F238E27FC236}">
                  <a16:creationId xmlns:a16="http://schemas.microsoft.com/office/drawing/2014/main" id="{280D3CF0-E703-15DD-1EEE-2D0A17B0C842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933822" y="2356513"/>
              <a:ext cx="0" cy="758295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9" name="Gerader Verbinder 38">
              <a:extLst>
                <a:ext uri="{FF2B5EF4-FFF2-40B4-BE49-F238E27FC236}">
                  <a16:creationId xmlns:a16="http://schemas.microsoft.com/office/drawing/2014/main" id="{C1AE0AE8-B674-B4F7-A607-7820B7E25B4F}"/>
                </a:ext>
              </a:extLst>
            </p:cNvPr>
            <p:cNvCxnSpPr>
              <a:cxnSpLocks/>
            </p:cNvCxnSpPr>
            <p:nvPr/>
          </p:nvCxnSpPr>
          <p:spPr>
            <a:xfrm>
              <a:off x="10735113" y="3114808"/>
              <a:ext cx="0" cy="0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4" name="Gerade Verbindung mit Pfeil 43">
              <a:extLst>
                <a:ext uri="{FF2B5EF4-FFF2-40B4-BE49-F238E27FC236}">
                  <a16:creationId xmlns:a16="http://schemas.microsoft.com/office/drawing/2014/main" id="{9376A4C7-180E-E21D-A481-76D0907F583C}"/>
                </a:ext>
              </a:extLst>
            </p:cNvPr>
            <p:cNvCxnSpPr/>
            <p:nvPr/>
          </p:nvCxnSpPr>
          <p:spPr>
            <a:xfrm flipV="1">
              <a:off x="10536404" y="3500846"/>
              <a:ext cx="0" cy="653143"/>
            </a:xfrm>
            <a:prstGeom prst="straightConnector1">
              <a:avLst/>
            </a:prstGeom>
            <a:ln w="66675">
              <a:solidFill>
                <a:schemeClr val="accent6">
                  <a:lumMod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pic>
          <p:nvPicPr>
            <p:cNvPr id="51" name="Grafik 50">
              <a:extLst>
                <a:ext uri="{FF2B5EF4-FFF2-40B4-BE49-F238E27FC236}">
                  <a16:creationId xmlns:a16="http://schemas.microsoft.com/office/drawing/2014/main" id="{520E2FC0-DBFD-1ECE-2E49-42F699ABAAB7}"/>
                </a:ext>
              </a:extLst>
            </p:cNvPr>
            <p:cNvPicPr>
              <a:picLocks noChangeAspect="1"/>
            </p:cNvPicPr>
            <p:nvPr>
              <p:custDataLst>
                <p:tags r:id="rId7"/>
              </p:custDataLst>
            </p:nvPr>
          </p:nvPicPr>
          <p:blipFill>
            <a:blip r:embed="rId18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684586" y="3205766"/>
              <a:ext cx="553448" cy="184076"/>
            </a:xfrm>
            <a:prstGeom prst="rect">
              <a:avLst/>
            </a:prstGeom>
          </p:spPr>
        </p:pic>
        <p:sp>
          <p:nvSpPr>
            <p:cNvPr id="52" name="Textfeld 51">
              <a:extLst>
                <a:ext uri="{FF2B5EF4-FFF2-40B4-BE49-F238E27FC236}">
                  <a16:creationId xmlns:a16="http://schemas.microsoft.com/office/drawing/2014/main" id="{E6CE4617-220E-4354-6CA5-5DBAAC5C434D}"/>
                </a:ext>
              </a:extLst>
            </p:cNvPr>
            <p:cNvSpPr txBox="1"/>
            <p:nvPr/>
          </p:nvSpPr>
          <p:spPr>
            <a:xfrm>
              <a:off x="10051116" y="3748043"/>
              <a:ext cx="1032655" cy="33855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600" dirty="0">
                  <a:latin typeface="+mn-lt"/>
                </a:rPr>
                <a:t>FFT     DFT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89685905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5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5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" dur="500"/>
                                        <p:tgtEl>
                                          <p:spTgt spid="5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1E5210F4-B0A7-28A2-801E-248646DB436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20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E2AA1314-2066-DB32-F2AB-9AD913A6B29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E97D714A-37B9-B41A-CB27-F09B4C5CEA4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16C5F3AB-BB9B-4D36-60B1-6B63E1564050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endParaRPr lang="de-DE" dirty="0"/>
          </a:p>
        </p:txBody>
      </p:sp>
      <p:pic>
        <p:nvPicPr>
          <p:cNvPr id="6" name="Grafik 5">
            <a:extLst>
              <a:ext uri="{FF2B5EF4-FFF2-40B4-BE49-F238E27FC236}">
                <a16:creationId xmlns:a16="http://schemas.microsoft.com/office/drawing/2014/main" id="{97042789-C7EA-DBF8-87DB-3EE77AC6569C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81514" y="386264"/>
            <a:ext cx="1759997" cy="396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8995285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1" name="Rechteck 60">
            <a:extLst>
              <a:ext uri="{FF2B5EF4-FFF2-40B4-BE49-F238E27FC236}">
                <a16:creationId xmlns:a16="http://schemas.microsoft.com/office/drawing/2014/main" id="{A546AE33-057F-2947-9712-67F64EA9FF63}"/>
              </a:ext>
            </a:extLst>
          </p:cNvPr>
          <p:cNvSpPr/>
          <p:nvPr/>
        </p:nvSpPr>
        <p:spPr>
          <a:xfrm>
            <a:off x="533400" y="2330302"/>
            <a:ext cx="5035550" cy="958583"/>
          </a:xfrm>
          <a:prstGeom prst="rect">
            <a:avLst/>
          </a:prstGeom>
          <a:solidFill>
            <a:schemeClr val="accent2">
              <a:alpha val="4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D55F6EE7-23AE-FD18-618D-C943856F0D9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3</a:t>
            </a:fld>
            <a:endParaRPr lang="en-GB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4421EB11-5B7C-B269-783E-79E5731BA42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/D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Discrete</a:t>
            </a:r>
            <a:r>
              <a:rPr lang="de-DE" dirty="0"/>
              <a:t> Fourier Transform (DFT)</a:t>
            </a:r>
          </a:p>
        </p:txBody>
      </p:sp>
      <p:pic>
        <p:nvPicPr>
          <p:cNvPr id="18" name="Grafik 17">
            <a:extLst>
              <a:ext uri="{FF2B5EF4-FFF2-40B4-BE49-F238E27FC236}">
                <a16:creationId xmlns:a16="http://schemas.microsoft.com/office/drawing/2014/main" id="{AC9C4813-6392-AB68-2BD1-C4BFD8BE3420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8107" y="2498677"/>
            <a:ext cx="4721933" cy="680872"/>
          </a:xfrm>
          <a:prstGeom prst="rect">
            <a:avLst/>
          </a:prstGeom>
        </p:spPr>
      </p:pic>
      <p:pic>
        <p:nvPicPr>
          <p:cNvPr id="22" name="Grafik 21">
            <a:extLst>
              <a:ext uri="{FF2B5EF4-FFF2-40B4-BE49-F238E27FC236}">
                <a16:creationId xmlns:a16="http://schemas.microsoft.com/office/drawing/2014/main" id="{2425CA88-714B-2E5B-1003-F8E4897C75A4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49227" y="3401576"/>
            <a:ext cx="2021521" cy="231060"/>
          </a:xfrm>
          <a:prstGeom prst="rect">
            <a:avLst/>
          </a:prstGeom>
        </p:spPr>
      </p:pic>
      <p:cxnSp>
        <p:nvCxnSpPr>
          <p:cNvPr id="6" name="Gerader Verbinder 5">
            <a:extLst>
              <a:ext uri="{FF2B5EF4-FFF2-40B4-BE49-F238E27FC236}">
                <a16:creationId xmlns:a16="http://schemas.microsoft.com/office/drawing/2014/main" id="{C97919AC-9E71-5E16-634F-06CE0403FF47}"/>
              </a:ext>
            </a:extLst>
          </p:cNvPr>
          <p:cNvCxnSpPr>
            <a:cxnSpLocks/>
          </p:cNvCxnSpPr>
          <p:nvPr/>
        </p:nvCxnSpPr>
        <p:spPr>
          <a:xfrm>
            <a:off x="2370909" y="2939143"/>
            <a:ext cx="226241" cy="470961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Textfeld 6">
            <a:extLst>
              <a:ext uri="{FF2B5EF4-FFF2-40B4-BE49-F238E27FC236}">
                <a16:creationId xmlns:a16="http://schemas.microsoft.com/office/drawing/2014/main" id="{6A50ACE9-6815-DBFD-EEAD-50BD8BE8A750}"/>
              </a:ext>
            </a:extLst>
          </p:cNvPr>
          <p:cNvSpPr txBox="1"/>
          <p:nvPr/>
        </p:nvSpPr>
        <p:spPr>
          <a:xfrm>
            <a:off x="1220245" y="3395739"/>
            <a:ext cx="1047145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DE" sz="1200" dirty="0" err="1">
                <a:solidFill>
                  <a:schemeClr val="accent4"/>
                </a:solidFill>
                <a:latin typeface="+mn-lt"/>
              </a:rPr>
              <a:t>Discrete</a:t>
            </a:r>
            <a:r>
              <a:rPr lang="de-DE" sz="1200" dirty="0">
                <a:solidFill>
                  <a:schemeClr val="accent4"/>
                </a:solidFill>
                <a:latin typeface="+mn-lt"/>
              </a:rPr>
              <a:t>-time</a:t>
            </a:r>
            <a:br>
              <a:rPr lang="de-DE" sz="1200" dirty="0">
                <a:solidFill>
                  <a:schemeClr val="accent4"/>
                </a:solidFill>
                <a:latin typeface="+mn-lt"/>
              </a:rPr>
            </a:br>
            <a:r>
              <a:rPr lang="de-DE" sz="1200" dirty="0" err="1">
                <a:solidFill>
                  <a:schemeClr val="accent4"/>
                </a:solidFill>
                <a:latin typeface="+mn-lt"/>
              </a:rPr>
              <a:t>signal</a:t>
            </a:r>
            <a:endParaRPr lang="de-DE" sz="1200" dirty="0">
              <a:solidFill>
                <a:schemeClr val="accent4"/>
              </a:solidFill>
              <a:latin typeface="+mn-lt"/>
            </a:endParaRPr>
          </a:p>
        </p:txBody>
      </p:sp>
      <p:cxnSp>
        <p:nvCxnSpPr>
          <p:cNvPr id="8" name="Gerader Verbinder 7">
            <a:extLst>
              <a:ext uri="{FF2B5EF4-FFF2-40B4-BE49-F238E27FC236}">
                <a16:creationId xmlns:a16="http://schemas.microsoft.com/office/drawing/2014/main" id="{B1F577A5-8307-1B61-C37B-587A34D7C8AE}"/>
              </a:ext>
            </a:extLst>
          </p:cNvPr>
          <p:cNvCxnSpPr>
            <a:cxnSpLocks/>
          </p:cNvCxnSpPr>
          <p:nvPr/>
        </p:nvCxnSpPr>
        <p:spPr>
          <a:xfrm flipH="1">
            <a:off x="1815737" y="2939143"/>
            <a:ext cx="169817" cy="541093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Textfeld 10">
            <a:extLst>
              <a:ext uri="{FF2B5EF4-FFF2-40B4-BE49-F238E27FC236}">
                <a16:creationId xmlns:a16="http://schemas.microsoft.com/office/drawing/2014/main" id="{4C880F52-2453-BD04-AB5E-C01F19E216AE}"/>
              </a:ext>
            </a:extLst>
          </p:cNvPr>
          <p:cNvSpPr txBox="1"/>
          <p:nvPr/>
        </p:nvSpPr>
        <p:spPr>
          <a:xfrm>
            <a:off x="5574599" y="2498677"/>
            <a:ext cx="1393330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200" dirty="0" err="1">
                <a:latin typeface="+mn-lt"/>
              </a:rPr>
              <a:t>Multiplication</a:t>
            </a:r>
            <a:r>
              <a:rPr lang="de-DE" sz="1200" dirty="0">
                <a:latin typeface="+mn-lt"/>
              </a:rPr>
              <a:t> </a:t>
            </a:r>
            <a:r>
              <a:rPr lang="de-DE" sz="1200" dirty="0" err="1">
                <a:latin typeface="+mn-lt"/>
              </a:rPr>
              <a:t>with</a:t>
            </a:r>
            <a:br>
              <a:rPr lang="de-DE" sz="1200" dirty="0">
                <a:latin typeface="+mn-lt"/>
              </a:rPr>
            </a:br>
            <a:r>
              <a:rPr lang="de-DE" sz="1200" dirty="0" err="1">
                <a:latin typeface="+mn-lt"/>
              </a:rPr>
              <a:t>sines</a:t>
            </a:r>
            <a:r>
              <a:rPr lang="de-DE" sz="1200" dirty="0">
                <a:latin typeface="+mn-lt"/>
              </a:rPr>
              <a:t> and </a:t>
            </a:r>
            <a:r>
              <a:rPr lang="de-DE" sz="1200" dirty="0" err="1">
                <a:latin typeface="+mn-lt"/>
              </a:rPr>
              <a:t>cosines</a:t>
            </a:r>
            <a:br>
              <a:rPr lang="de-DE" sz="1200" dirty="0">
                <a:latin typeface="+mn-lt"/>
              </a:rPr>
            </a:br>
            <a:r>
              <a:rPr lang="de-DE" sz="1200" dirty="0" err="1">
                <a:latin typeface="+mn-lt"/>
              </a:rPr>
              <a:t>of</a:t>
            </a:r>
            <a:r>
              <a:rPr lang="de-DE" sz="1200" dirty="0">
                <a:latin typeface="+mn-lt"/>
              </a:rPr>
              <a:t> different</a:t>
            </a:r>
            <a:br>
              <a:rPr lang="de-DE" sz="1200" dirty="0">
                <a:latin typeface="+mn-lt"/>
              </a:rPr>
            </a:br>
            <a:r>
              <a:rPr lang="de-DE" sz="1200" dirty="0" err="1">
                <a:latin typeface="+mn-lt"/>
              </a:rPr>
              <a:t>frequencies</a:t>
            </a:r>
            <a:endParaRPr lang="de-DE" sz="1200" dirty="0">
              <a:latin typeface="+mn-lt"/>
            </a:endParaRPr>
          </a:p>
        </p:txBody>
      </p:sp>
      <p:sp>
        <p:nvSpPr>
          <p:cNvPr id="14" name="Textfeld 13">
            <a:extLst>
              <a:ext uri="{FF2B5EF4-FFF2-40B4-BE49-F238E27FC236}">
                <a16:creationId xmlns:a16="http://schemas.microsoft.com/office/drawing/2014/main" id="{0E0995DF-EB14-1411-CB2B-FB0762048AAC}"/>
              </a:ext>
            </a:extLst>
          </p:cNvPr>
          <p:cNvSpPr txBox="1"/>
          <p:nvPr/>
        </p:nvSpPr>
        <p:spPr>
          <a:xfrm>
            <a:off x="8852218" y="6220138"/>
            <a:ext cx="2864887" cy="21544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800" dirty="0">
                <a:latin typeface="+mn-lt"/>
                <a:hlinkClick r:id="rId13"/>
              </a:rPr>
              <a:t>See also: https://www.youtube.com/watch?v=QmgJmh2I3Fw</a:t>
            </a:r>
            <a:endParaRPr lang="de-DE" sz="800" dirty="0">
              <a:latin typeface="+mn-lt"/>
            </a:endParaRPr>
          </a:p>
        </p:txBody>
      </p:sp>
      <p:pic>
        <p:nvPicPr>
          <p:cNvPr id="52" name="Grafik 51">
            <a:extLst>
              <a:ext uri="{FF2B5EF4-FFF2-40B4-BE49-F238E27FC236}">
                <a16:creationId xmlns:a16="http://schemas.microsoft.com/office/drawing/2014/main" id="{40091757-402B-4E76-6B5A-954A6DE617C4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0351" y="4702200"/>
            <a:ext cx="4437217" cy="238660"/>
          </a:xfrm>
          <a:prstGeom prst="rect">
            <a:avLst/>
          </a:prstGeom>
        </p:spPr>
      </p:pic>
      <p:pic>
        <p:nvPicPr>
          <p:cNvPr id="39" name="Grafik 38">
            <a:extLst>
              <a:ext uri="{FF2B5EF4-FFF2-40B4-BE49-F238E27FC236}">
                <a16:creationId xmlns:a16="http://schemas.microsoft.com/office/drawing/2014/main" id="{12020A59-72EB-9A45-2952-18CDE3005B94}"/>
              </a:ext>
            </a:extLst>
          </p:cNvPr>
          <p:cNvPicPr>
            <a:picLocks noChangeAspect="1"/>
          </p:cNvPicPr>
          <p:nvPr>
            <p:custDataLst>
              <p:tags r:id="rId4"/>
            </p:custDataLst>
          </p:nvPr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39825" y="4440517"/>
            <a:ext cx="635198" cy="140464"/>
          </a:xfrm>
          <a:prstGeom prst="rect">
            <a:avLst/>
          </a:prstGeom>
        </p:spPr>
      </p:pic>
      <p:pic>
        <p:nvPicPr>
          <p:cNvPr id="40" name="Grafik 39">
            <a:extLst>
              <a:ext uri="{FF2B5EF4-FFF2-40B4-BE49-F238E27FC236}">
                <a16:creationId xmlns:a16="http://schemas.microsoft.com/office/drawing/2014/main" id="{204A7072-78E5-4A2F-0A7D-89576EA060D3}"/>
              </a:ext>
            </a:extLst>
          </p:cNvPr>
          <p:cNvPicPr>
            <a:picLocks noChangeAspect="1"/>
          </p:cNvPicPr>
          <p:nvPr>
            <p:custDataLst>
              <p:tags r:id="rId5"/>
            </p:custDataLst>
          </p:nvPr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36562" y="4440517"/>
            <a:ext cx="635198" cy="140464"/>
          </a:xfrm>
          <a:prstGeom prst="rect">
            <a:avLst/>
          </a:prstGeom>
        </p:spPr>
      </p:pic>
      <p:pic>
        <p:nvPicPr>
          <p:cNvPr id="43" name="Grafik 42">
            <a:extLst>
              <a:ext uri="{FF2B5EF4-FFF2-40B4-BE49-F238E27FC236}">
                <a16:creationId xmlns:a16="http://schemas.microsoft.com/office/drawing/2014/main" id="{ADE997E0-AACF-43B6-E001-57B90FBA3224}"/>
              </a:ext>
            </a:extLst>
          </p:cNvPr>
          <p:cNvPicPr>
            <a:picLocks noChangeAspect="1"/>
          </p:cNvPicPr>
          <p:nvPr>
            <p:custDataLst>
              <p:tags r:id="rId6"/>
            </p:custDataLst>
          </p:nvPr>
        </p:nvPicPr>
        <p:blipFill>
          <a:blip r:embed="rId1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95893" y="4440517"/>
            <a:ext cx="731298" cy="141700"/>
          </a:xfrm>
          <a:prstGeom prst="rect">
            <a:avLst/>
          </a:prstGeom>
        </p:spPr>
      </p:pic>
      <p:grpSp>
        <p:nvGrpSpPr>
          <p:cNvPr id="50" name="Gruppieren 49">
            <a:extLst>
              <a:ext uri="{FF2B5EF4-FFF2-40B4-BE49-F238E27FC236}">
                <a16:creationId xmlns:a16="http://schemas.microsoft.com/office/drawing/2014/main" id="{1B95E891-1050-EE34-E5A8-BB2DF87B341E}"/>
              </a:ext>
            </a:extLst>
          </p:cNvPr>
          <p:cNvGrpSpPr/>
          <p:nvPr/>
        </p:nvGrpSpPr>
        <p:grpSpPr>
          <a:xfrm>
            <a:off x="5141892" y="4702200"/>
            <a:ext cx="3527883" cy="1138994"/>
            <a:chOff x="6662057" y="307601"/>
            <a:chExt cx="3527883" cy="1138994"/>
          </a:xfrm>
        </p:grpSpPr>
        <p:pic>
          <p:nvPicPr>
            <p:cNvPr id="46" name="Grafik 45">
              <a:extLst>
                <a:ext uri="{FF2B5EF4-FFF2-40B4-BE49-F238E27FC236}">
                  <a16:creationId xmlns:a16="http://schemas.microsoft.com/office/drawing/2014/main" id="{BB733E3F-8CF4-25BB-A52C-2B826611D8DB}"/>
                </a:ext>
              </a:extLst>
            </p:cNvPr>
            <p:cNvPicPr>
              <a:picLocks noChangeAspect="1"/>
            </p:cNvPicPr>
            <p:nvPr>
              <p:custDataLst>
                <p:tags r:id="rId8"/>
              </p:custDataLst>
            </p:nvPr>
          </p:nvPicPr>
          <p:blipFill>
            <a:blip r:embed="rId17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662057" y="307601"/>
              <a:ext cx="3527883" cy="1138994"/>
            </a:xfrm>
            <a:prstGeom prst="rect">
              <a:avLst/>
            </a:prstGeom>
          </p:spPr>
        </p:pic>
        <p:cxnSp>
          <p:nvCxnSpPr>
            <p:cNvPr id="47" name="Gerade Verbindung mit Pfeil 46">
              <a:extLst>
                <a:ext uri="{FF2B5EF4-FFF2-40B4-BE49-F238E27FC236}">
                  <a16:creationId xmlns:a16="http://schemas.microsoft.com/office/drawing/2014/main" id="{1BBE1421-871F-475C-9DA1-02D01FE2E861}"/>
                </a:ext>
              </a:extLst>
            </p:cNvPr>
            <p:cNvCxnSpPr>
              <a:cxnSpLocks/>
            </p:cNvCxnSpPr>
            <p:nvPr/>
          </p:nvCxnSpPr>
          <p:spPr>
            <a:xfrm>
              <a:off x="7075714" y="607327"/>
              <a:ext cx="0" cy="770709"/>
            </a:xfrm>
            <a:prstGeom prst="straightConnector1">
              <a:avLst/>
            </a:prstGeom>
            <a:ln w="19050">
              <a:solidFill>
                <a:srgbClr val="FFC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8" name="Gerade Verbindung mit Pfeil 47">
              <a:extLst>
                <a:ext uri="{FF2B5EF4-FFF2-40B4-BE49-F238E27FC236}">
                  <a16:creationId xmlns:a16="http://schemas.microsoft.com/office/drawing/2014/main" id="{C18E9814-DE50-5FEB-6508-17093526A087}"/>
                </a:ext>
              </a:extLst>
            </p:cNvPr>
            <p:cNvCxnSpPr>
              <a:cxnSpLocks/>
            </p:cNvCxnSpPr>
            <p:nvPr/>
          </p:nvCxnSpPr>
          <p:spPr>
            <a:xfrm>
              <a:off x="7881256" y="607327"/>
              <a:ext cx="0" cy="770709"/>
            </a:xfrm>
            <a:prstGeom prst="straightConnector1">
              <a:avLst/>
            </a:prstGeom>
            <a:ln w="19050">
              <a:solidFill>
                <a:srgbClr val="FFC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9" name="Gerade Verbindung mit Pfeil 48">
              <a:extLst>
                <a:ext uri="{FF2B5EF4-FFF2-40B4-BE49-F238E27FC236}">
                  <a16:creationId xmlns:a16="http://schemas.microsoft.com/office/drawing/2014/main" id="{62943F07-BE04-6105-8721-364FDB61F3A0}"/>
                </a:ext>
              </a:extLst>
            </p:cNvPr>
            <p:cNvCxnSpPr>
              <a:cxnSpLocks/>
            </p:cNvCxnSpPr>
            <p:nvPr/>
          </p:nvCxnSpPr>
          <p:spPr>
            <a:xfrm>
              <a:off x="9274628" y="607327"/>
              <a:ext cx="0" cy="770709"/>
            </a:xfrm>
            <a:prstGeom prst="straightConnector1">
              <a:avLst/>
            </a:prstGeom>
            <a:ln w="19050">
              <a:solidFill>
                <a:srgbClr val="FFC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53" name="Textfeld 52">
            <a:extLst>
              <a:ext uri="{FF2B5EF4-FFF2-40B4-BE49-F238E27FC236}">
                <a16:creationId xmlns:a16="http://schemas.microsoft.com/office/drawing/2014/main" id="{B5353FA3-21B0-8E9D-D605-7D69D7BB3673}"/>
              </a:ext>
            </a:extLst>
          </p:cNvPr>
          <p:cNvSpPr txBox="1"/>
          <p:nvPr/>
        </p:nvSpPr>
        <p:spPr>
          <a:xfrm>
            <a:off x="340705" y="3995109"/>
            <a:ext cx="2483437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b="1" u="sng" dirty="0">
                <a:latin typeface="+mn-lt"/>
              </a:rPr>
              <a:t>DFT: Matrix </a:t>
            </a:r>
            <a:r>
              <a:rPr lang="de-DE" sz="1600" b="1" u="sng" dirty="0" err="1">
                <a:latin typeface="+mn-lt"/>
              </a:rPr>
              <a:t>Multiplication</a:t>
            </a:r>
            <a:endParaRPr lang="de-DE" sz="1600" b="1" u="sng" dirty="0">
              <a:latin typeface="+mn-lt"/>
            </a:endParaRPr>
          </a:p>
        </p:txBody>
      </p:sp>
      <p:sp>
        <p:nvSpPr>
          <p:cNvPr id="5" name="Textfeld 4">
            <a:extLst>
              <a:ext uri="{FF2B5EF4-FFF2-40B4-BE49-F238E27FC236}">
                <a16:creationId xmlns:a16="http://schemas.microsoft.com/office/drawing/2014/main" id="{7326E869-8DEC-3328-5886-2968D1F78604}"/>
              </a:ext>
            </a:extLst>
          </p:cNvPr>
          <p:cNvSpPr txBox="1"/>
          <p:nvPr/>
        </p:nvSpPr>
        <p:spPr>
          <a:xfrm>
            <a:off x="7138618" y="2588657"/>
            <a:ext cx="2077813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latin typeface="+mn-lt"/>
              </a:rPr>
              <a:t>N: </a:t>
            </a:r>
            <a:r>
              <a:rPr lang="de-DE" sz="1600" dirty="0" err="1">
                <a:latin typeface="+mn-lt"/>
              </a:rPr>
              <a:t>number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of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samples</a:t>
            </a:r>
            <a:endParaRPr lang="de-DE" sz="1600" dirty="0">
              <a:latin typeface="+mn-lt"/>
            </a:endParaRPr>
          </a:p>
        </p:txBody>
      </p:sp>
      <p:grpSp>
        <p:nvGrpSpPr>
          <p:cNvPr id="13" name="Gruppieren 12">
            <a:extLst>
              <a:ext uri="{FF2B5EF4-FFF2-40B4-BE49-F238E27FC236}">
                <a16:creationId xmlns:a16="http://schemas.microsoft.com/office/drawing/2014/main" id="{7482219D-C66E-F3AB-AE63-4521602CA1B7}"/>
              </a:ext>
            </a:extLst>
          </p:cNvPr>
          <p:cNvGrpSpPr/>
          <p:nvPr/>
        </p:nvGrpSpPr>
        <p:grpSpPr>
          <a:xfrm>
            <a:off x="9220546" y="4400964"/>
            <a:ext cx="2392998" cy="1542452"/>
            <a:chOff x="9220546" y="4400964"/>
            <a:chExt cx="2392998" cy="1542452"/>
          </a:xfrm>
        </p:grpSpPr>
        <p:cxnSp>
          <p:nvCxnSpPr>
            <p:cNvPr id="10" name="Gerade Verbindung mit Pfeil 9">
              <a:extLst>
                <a:ext uri="{FF2B5EF4-FFF2-40B4-BE49-F238E27FC236}">
                  <a16:creationId xmlns:a16="http://schemas.microsoft.com/office/drawing/2014/main" id="{A1A08B16-5F99-B560-F376-8CD097172E00}"/>
                </a:ext>
              </a:extLst>
            </p:cNvPr>
            <p:cNvCxnSpPr/>
            <p:nvPr/>
          </p:nvCxnSpPr>
          <p:spPr>
            <a:xfrm>
              <a:off x="9355687" y="5682805"/>
              <a:ext cx="2135777" cy="0"/>
            </a:xfrm>
            <a:prstGeom prst="straightConnector1">
              <a:avLst/>
            </a:prstGeom>
            <a:ln w="19050"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Gerade Verbindung mit Pfeil 11">
              <a:extLst>
                <a:ext uri="{FF2B5EF4-FFF2-40B4-BE49-F238E27FC236}">
                  <a16:creationId xmlns:a16="http://schemas.microsoft.com/office/drawing/2014/main" id="{5BA92062-C86B-6E04-40F0-5DAC92FAC560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364396" y="4636748"/>
              <a:ext cx="0" cy="1046057"/>
            </a:xfrm>
            <a:prstGeom prst="straightConnector1">
              <a:avLst/>
            </a:prstGeom>
            <a:ln w="19050"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5" name="Textfeld 14">
              <a:extLst>
                <a:ext uri="{FF2B5EF4-FFF2-40B4-BE49-F238E27FC236}">
                  <a16:creationId xmlns:a16="http://schemas.microsoft.com/office/drawing/2014/main" id="{1DF65F51-CB26-791C-8405-F9FBE395F98D}"/>
                </a:ext>
              </a:extLst>
            </p:cNvPr>
            <p:cNvSpPr txBox="1"/>
            <p:nvPr/>
          </p:nvSpPr>
          <p:spPr>
            <a:xfrm>
              <a:off x="9237598" y="5675125"/>
              <a:ext cx="954107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000" dirty="0">
                  <a:latin typeface="+mn-lt"/>
                </a:rPr>
                <a:t>0     1    2    . . . </a:t>
              </a:r>
            </a:p>
          </p:txBody>
        </p:sp>
        <p:sp>
          <p:nvSpPr>
            <p:cNvPr id="16" name="Textfeld 15">
              <a:extLst>
                <a:ext uri="{FF2B5EF4-FFF2-40B4-BE49-F238E27FC236}">
                  <a16:creationId xmlns:a16="http://schemas.microsoft.com/office/drawing/2014/main" id="{27730A3C-34FE-CD12-B007-25A70BD6C39A}"/>
                </a:ext>
              </a:extLst>
            </p:cNvPr>
            <p:cNvSpPr txBox="1"/>
            <p:nvPr/>
          </p:nvSpPr>
          <p:spPr>
            <a:xfrm>
              <a:off x="10990938" y="5697195"/>
              <a:ext cx="373820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000" dirty="0">
                  <a:latin typeface="+mn-lt"/>
                </a:rPr>
                <a:t>N-1</a:t>
              </a:r>
            </a:p>
          </p:txBody>
        </p:sp>
        <p:sp>
          <p:nvSpPr>
            <p:cNvPr id="17" name="Textfeld 16">
              <a:extLst>
                <a:ext uri="{FF2B5EF4-FFF2-40B4-BE49-F238E27FC236}">
                  <a16:creationId xmlns:a16="http://schemas.microsoft.com/office/drawing/2014/main" id="{9DCC8F42-1ED6-6191-0B22-0D4C0AE638E3}"/>
                </a:ext>
              </a:extLst>
            </p:cNvPr>
            <p:cNvSpPr txBox="1"/>
            <p:nvPr/>
          </p:nvSpPr>
          <p:spPr>
            <a:xfrm>
              <a:off x="11364758" y="5675124"/>
              <a:ext cx="248786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000" dirty="0">
                  <a:latin typeface="+mn-lt"/>
                </a:rPr>
                <a:t>k</a:t>
              </a:r>
            </a:p>
          </p:txBody>
        </p:sp>
        <p:cxnSp>
          <p:nvCxnSpPr>
            <p:cNvPr id="19" name="Gerader Verbinder 18">
              <a:extLst>
                <a:ext uri="{FF2B5EF4-FFF2-40B4-BE49-F238E27FC236}">
                  <a16:creationId xmlns:a16="http://schemas.microsoft.com/office/drawing/2014/main" id="{5B22FD67-3759-B66F-20EE-8E392617AE2E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366519" y="5375398"/>
              <a:ext cx="0" cy="299726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Gerader Verbinder 22">
              <a:extLst>
                <a:ext uri="{FF2B5EF4-FFF2-40B4-BE49-F238E27FC236}">
                  <a16:creationId xmlns:a16="http://schemas.microsoft.com/office/drawing/2014/main" id="{13C7A32F-CA26-C258-2D34-B847615AB825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763937" y="5418927"/>
              <a:ext cx="0" cy="256197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r Verbinder 23">
              <a:extLst>
                <a:ext uri="{FF2B5EF4-FFF2-40B4-BE49-F238E27FC236}">
                  <a16:creationId xmlns:a16="http://schemas.microsoft.com/office/drawing/2014/main" id="{DB132579-A861-7489-4BA2-172C458F6272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962646" y="5507192"/>
              <a:ext cx="0" cy="167932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5" name="Gerader Verbinder 24">
              <a:extLst>
                <a:ext uri="{FF2B5EF4-FFF2-40B4-BE49-F238E27FC236}">
                  <a16:creationId xmlns:a16="http://schemas.microsoft.com/office/drawing/2014/main" id="{909D9668-4635-AD83-CA75-BCABAEFD70A0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161355" y="5507192"/>
              <a:ext cx="0" cy="167932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7" name="Gerader Verbinder 26">
              <a:extLst>
                <a:ext uri="{FF2B5EF4-FFF2-40B4-BE49-F238E27FC236}">
                  <a16:creationId xmlns:a16="http://schemas.microsoft.com/office/drawing/2014/main" id="{3382FEA7-3B5D-9561-1AEC-609A0E30CB51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360064" y="5581650"/>
              <a:ext cx="0" cy="93474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Gerader Verbinder 27">
              <a:extLst>
                <a:ext uri="{FF2B5EF4-FFF2-40B4-BE49-F238E27FC236}">
                  <a16:creationId xmlns:a16="http://schemas.microsoft.com/office/drawing/2014/main" id="{EDA8FF61-8567-2238-814A-F5C02BFAB75D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565228" y="4723602"/>
              <a:ext cx="0" cy="951522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pic>
          <p:nvPicPr>
            <p:cNvPr id="38" name="Grafik 37">
              <a:extLst>
                <a:ext uri="{FF2B5EF4-FFF2-40B4-BE49-F238E27FC236}">
                  <a16:creationId xmlns:a16="http://schemas.microsoft.com/office/drawing/2014/main" id="{BB7829B0-4A27-B51E-05C0-8F20784A2755}"/>
                </a:ext>
              </a:extLst>
            </p:cNvPr>
            <p:cNvPicPr>
              <a:picLocks noChangeAspect="1"/>
            </p:cNvPicPr>
            <p:nvPr>
              <p:custDataLst>
                <p:tags r:id="rId7"/>
              </p:custDataLst>
            </p:nvPr>
          </p:nvPicPr>
          <p:blipFill>
            <a:blip r:embed="rId18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220546" y="4400964"/>
              <a:ext cx="287700" cy="239107"/>
            </a:xfrm>
            <a:prstGeom prst="rect">
              <a:avLst/>
            </a:prstGeom>
          </p:spPr>
        </p:pic>
        <p:cxnSp>
          <p:nvCxnSpPr>
            <p:cNvPr id="42" name="Gerader Verbinder 41">
              <a:extLst>
                <a:ext uri="{FF2B5EF4-FFF2-40B4-BE49-F238E27FC236}">
                  <a16:creationId xmlns:a16="http://schemas.microsoft.com/office/drawing/2014/main" id="{63E78977-FA76-344C-0359-A3D1E3D6CC33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1154902" y="4723602"/>
              <a:ext cx="0" cy="951522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4" name="Gerader Verbinder 43">
              <a:extLst>
                <a:ext uri="{FF2B5EF4-FFF2-40B4-BE49-F238E27FC236}">
                  <a16:creationId xmlns:a16="http://schemas.microsoft.com/office/drawing/2014/main" id="{950C8451-0B9C-5C1E-9793-E1DFCDA771F1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956191" y="5418927"/>
              <a:ext cx="0" cy="256197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4" name="Gerader Verbinder 53">
              <a:extLst>
                <a:ext uri="{FF2B5EF4-FFF2-40B4-BE49-F238E27FC236}">
                  <a16:creationId xmlns:a16="http://schemas.microsoft.com/office/drawing/2014/main" id="{85ADE643-A5CD-A0BA-6D16-5AB349513AEC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757482" y="5507192"/>
              <a:ext cx="0" cy="167932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6" name="Gerader Verbinder 55">
              <a:extLst>
                <a:ext uri="{FF2B5EF4-FFF2-40B4-BE49-F238E27FC236}">
                  <a16:creationId xmlns:a16="http://schemas.microsoft.com/office/drawing/2014/main" id="{94485CEF-CBED-1E88-533C-3FD5F8C33D8F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558773" y="5507192"/>
              <a:ext cx="0" cy="167932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33" name="Freihandform: Form 32">
            <a:extLst>
              <a:ext uri="{FF2B5EF4-FFF2-40B4-BE49-F238E27FC236}">
                <a16:creationId xmlns:a16="http://schemas.microsoft.com/office/drawing/2014/main" id="{4162B07F-7944-8358-8989-24E1132A9008}"/>
              </a:ext>
            </a:extLst>
          </p:cNvPr>
          <p:cNvSpPr/>
          <p:nvPr/>
        </p:nvSpPr>
        <p:spPr>
          <a:xfrm rot="357961">
            <a:off x="1395795" y="5485195"/>
            <a:ext cx="8504943" cy="1050457"/>
          </a:xfrm>
          <a:custGeom>
            <a:avLst/>
            <a:gdLst>
              <a:gd name="connsiteX0" fmla="*/ 0 w 3765550"/>
              <a:gd name="connsiteY0" fmla="*/ 114300 h 718382"/>
              <a:gd name="connsiteX1" fmla="*/ 1200150 w 3765550"/>
              <a:gd name="connsiteY1" fmla="*/ 717550 h 718382"/>
              <a:gd name="connsiteX2" fmla="*/ 3765550 w 3765550"/>
              <a:gd name="connsiteY2" fmla="*/ 0 h 71838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3765550" h="718382">
                <a:moveTo>
                  <a:pt x="0" y="114300"/>
                </a:moveTo>
                <a:cubicBezTo>
                  <a:pt x="286279" y="425450"/>
                  <a:pt x="572558" y="736600"/>
                  <a:pt x="1200150" y="717550"/>
                </a:cubicBezTo>
                <a:cubicBezTo>
                  <a:pt x="1827742" y="698500"/>
                  <a:pt x="2796646" y="349250"/>
                  <a:pt x="3765550" y="0"/>
                </a:cubicBezTo>
              </a:path>
            </a:pathLst>
          </a:custGeom>
          <a:noFill/>
          <a:ln w="9525">
            <a:solidFill>
              <a:schemeClr val="tx2"/>
            </a:solidFill>
            <a:tailEnd type="arrow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grpSp>
        <p:nvGrpSpPr>
          <p:cNvPr id="60" name="Gruppieren 59">
            <a:extLst>
              <a:ext uri="{FF2B5EF4-FFF2-40B4-BE49-F238E27FC236}">
                <a16:creationId xmlns:a16="http://schemas.microsoft.com/office/drawing/2014/main" id="{D3E0BD17-3344-E249-6AE9-975DDE3BAE6A}"/>
              </a:ext>
            </a:extLst>
          </p:cNvPr>
          <p:cNvGrpSpPr/>
          <p:nvPr/>
        </p:nvGrpSpPr>
        <p:grpSpPr>
          <a:xfrm>
            <a:off x="9565228" y="4455531"/>
            <a:ext cx="1591910" cy="1251504"/>
            <a:chOff x="9565228" y="4455531"/>
            <a:chExt cx="1591910" cy="1251504"/>
          </a:xfrm>
        </p:grpSpPr>
        <p:cxnSp>
          <p:nvCxnSpPr>
            <p:cNvPr id="35" name="Gerader Verbinder 34">
              <a:extLst>
                <a:ext uri="{FF2B5EF4-FFF2-40B4-BE49-F238E27FC236}">
                  <a16:creationId xmlns:a16="http://schemas.microsoft.com/office/drawing/2014/main" id="{A6CCAD47-2260-BFD8-9A64-2F2F36645585}"/>
                </a:ext>
              </a:extLst>
            </p:cNvPr>
            <p:cNvCxnSpPr>
              <a:cxnSpLocks/>
              <a:stCxn id="41" idx="0"/>
            </p:cNvCxnSpPr>
            <p:nvPr/>
          </p:nvCxnSpPr>
          <p:spPr>
            <a:xfrm>
              <a:off x="10357744" y="4892782"/>
              <a:ext cx="1525" cy="814253"/>
            </a:xfrm>
            <a:prstGeom prst="line">
              <a:avLst/>
            </a:prstGeom>
            <a:ln w="15875">
              <a:solidFill>
                <a:srgbClr val="FFC000">
                  <a:alpha val="66000"/>
                </a:srgb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7" name="Geschweifte Klammer rechts 36">
              <a:extLst>
                <a:ext uri="{FF2B5EF4-FFF2-40B4-BE49-F238E27FC236}">
                  <a16:creationId xmlns:a16="http://schemas.microsoft.com/office/drawing/2014/main" id="{17CB2B31-BCBA-202D-F8B2-7B4F5FA2CEF1}"/>
                </a:ext>
              </a:extLst>
            </p:cNvPr>
            <p:cNvSpPr/>
            <p:nvPr/>
          </p:nvSpPr>
          <p:spPr>
            <a:xfrm rot="16200000">
              <a:off x="9879410" y="4410668"/>
              <a:ext cx="167932" cy="796296"/>
            </a:xfrm>
            <a:prstGeom prst="rightBrace">
              <a:avLst>
                <a:gd name="adj1" fmla="val 73980"/>
                <a:gd name="adj2" fmla="val 50000"/>
              </a:avLst>
            </a:prstGeom>
            <a:ln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sp>
          <p:nvSpPr>
            <p:cNvPr id="41" name="Geschweifte Klammer rechts 40">
              <a:extLst>
                <a:ext uri="{FF2B5EF4-FFF2-40B4-BE49-F238E27FC236}">
                  <a16:creationId xmlns:a16="http://schemas.microsoft.com/office/drawing/2014/main" id="{07FB95E2-0A47-F257-FC17-AABF741BAC23}"/>
                </a:ext>
              </a:extLst>
            </p:cNvPr>
            <p:cNvSpPr/>
            <p:nvPr/>
          </p:nvSpPr>
          <p:spPr>
            <a:xfrm rot="16200000">
              <a:off x="10671926" y="4410668"/>
              <a:ext cx="167932" cy="796296"/>
            </a:xfrm>
            <a:prstGeom prst="rightBrace">
              <a:avLst>
                <a:gd name="adj1" fmla="val 69726"/>
                <a:gd name="adj2" fmla="val 50000"/>
              </a:avLst>
            </a:prstGeom>
            <a:ln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sp>
          <p:nvSpPr>
            <p:cNvPr id="58" name="Textfeld 57">
              <a:extLst>
                <a:ext uri="{FF2B5EF4-FFF2-40B4-BE49-F238E27FC236}">
                  <a16:creationId xmlns:a16="http://schemas.microsoft.com/office/drawing/2014/main" id="{025FEF3B-DAFF-20F4-2E7C-541DA31F2D30}"/>
                </a:ext>
              </a:extLst>
            </p:cNvPr>
            <p:cNvSpPr txBox="1"/>
            <p:nvPr/>
          </p:nvSpPr>
          <p:spPr>
            <a:xfrm>
              <a:off x="9614826" y="4455531"/>
              <a:ext cx="695640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200" dirty="0">
                  <a:latin typeface="+mn-lt"/>
                </a:rPr>
                <a:t>positive</a:t>
              </a:r>
              <a:endParaRPr lang="de-DE" sz="1600" dirty="0">
                <a:latin typeface="+mn-lt"/>
              </a:endParaRPr>
            </a:p>
          </p:txBody>
        </p:sp>
        <p:sp>
          <p:nvSpPr>
            <p:cNvPr id="59" name="Textfeld 58">
              <a:extLst>
                <a:ext uri="{FF2B5EF4-FFF2-40B4-BE49-F238E27FC236}">
                  <a16:creationId xmlns:a16="http://schemas.microsoft.com/office/drawing/2014/main" id="{79F5A543-E29B-4BB0-DAFC-A322562DAA22}"/>
                </a:ext>
              </a:extLst>
            </p:cNvPr>
            <p:cNvSpPr txBox="1"/>
            <p:nvPr/>
          </p:nvSpPr>
          <p:spPr>
            <a:xfrm>
              <a:off x="10416614" y="4455531"/>
              <a:ext cx="740524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200" dirty="0">
                  <a:latin typeface="+mn-lt"/>
                </a:rPr>
                <a:t>negative</a:t>
              </a:r>
              <a:endParaRPr lang="de-DE" sz="1600" dirty="0">
                <a:latin typeface="+mn-lt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71816394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hteck 12">
            <a:extLst>
              <a:ext uri="{FF2B5EF4-FFF2-40B4-BE49-F238E27FC236}">
                <a16:creationId xmlns:a16="http://schemas.microsoft.com/office/drawing/2014/main" id="{CA4414CD-0A32-1919-83B0-F66A2A715220}"/>
              </a:ext>
            </a:extLst>
          </p:cNvPr>
          <p:cNvSpPr/>
          <p:nvPr/>
        </p:nvSpPr>
        <p:spPr>
          <a:xfrm>
            <a:off x="5104669" y="3069771"/>
            <a:ext cx="3087187" cy="2723588"/>
          </a:xfrm>
          <a:prstGeom prst="rect">
            <a:avLst/>
          </a:prstGeom>
          <a:solidFill>
            <a:schemeClr val="accent6">
              <a:lumMod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14" name="Rechteck 13">
            <a:extLst>
              <a:ext uri="{FF2B5EF4-FFF2-40B4-BE49-F238E27FC236}">
                <a16:creationId xmlns:a16="http://schemas.microsoft.com/office/drawing/2014/main" id="{58AD2251-110C-1E7B-00B9-03DD88EAA14B}"/>
              </a:ext>
            </a:extLst>
          </p:cNvPr>
          <p:cNvSpPr/>
          <p:nvPr/>
        </p:nvSpPr>
        <p:spPr>
          <a:xfrm>
            <a:off x="8192585" y="3069771"/>
            <a:ext cx="3087186" cy="2723588"/>
          </a:xfrm>
          <a:prstGeom prst="rect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18D59F2A-E4FD-5FC9-AE3C-87DAE95DEB7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4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80F1F566-26AD-2486-BB4C-C7F528A2668E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r>
              <a:rPr lang="de-DE" dirty="0" err="1"/>
              <a:t>One-sided</a:t>
            </a:r>
            <a:r>
              <a:rPr lang="de-DE" dirty="0"/>
              <a:t> and </a:t>
            </a:r>
            <a:r>
              <a:rPr lang="de-DE" dirty="0" err="1"/>
              <a:t>two-sided</a:t>
            </a:r>
            <a:r>
              <a:rPr lang="de-DE" dirty="0"/>
              <a:t> FFT</a:t>
            </a:r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B799FD0E-1220-19C1-E08A-9F9C346F6E3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Practical</a:t>
            </a:r>
            <a:r>
              <a:rPr lang="de-DE" dirty="0"/>
              <a:t> </a:t>
            </a:r>
            <a:r>
              <a:rPr lang="de-DE" dirty="0" err="1"/>
              <a:t>Issues</a:t>
            </a:r>
            <a:r>
              <a:rPr lang="de-DE" dirty="0"/>
              <a:t>: </a:t>
            </a:r>
            <a:r>
              <a:rPr lang="de-DE" dirty="0" err="1"/>
              <a:t>one</a:t>
            </a:r>
            <a:r>
              <a:rPr lang="de-DE" dirty="0"/>
              <a:t>- / </a:t>
            </a:r>
            <a:r>
              <a:rPr lang="de-DE" dirty="0" err="1"/>
              <a:t>two-sided</a:t>
            </a:r>
            <a:r>
              <a:rPr lang="de-DE" dirty="0"/>
              <a:t> FFT</a:t>
            </a:r>
          </a:p>
        </p:txBody>
      </p:sp>
      <p:cxnSp>
        <p:nvCxnSpPr>
          <p:cNvPr id="9" name="Gerader Verbinder 8">
            <a:extLst>
              <a:ext uri="{FF2B5EF4-FFF2-40B4-BE49-F238E27FC236}">
                <a16:creationId xmlns:a16="http://schemas.microsoft.com/office/drawing/2014/main" id="{B7BD61EC-6C7E-D427-BCC3-6A4FECCE1067}"/>
              </a:ext>
            </a:extLst>
          </p:cNvPr>
          <p:cNvCxnSpPr>
            <a:cxnSpLocks/>
          </p:cNvCxnSpPr>
          <p:nvPr/>
        </p:nvCxnSpPr>
        <p:spPr>
          <a:xfrm flipV="1">
            <a:off x="5105400" y="5793377"/>
            <a:ext cx="6174371" cy="6500"/>
          </a:xfrm>
          <a:prstGeom prst="line">
            <a:avLst/>
          </a:prstGeom>
          <a:ln w="254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2" name="Gerader Verbinder 11">
            <a:extLst>
              <a:ext uri="{FF2B5EF4-FFF2-40B4-BE49-F238E27FC236}">
                <a16:creationId xmlns:a16="http://schemas.microsoft.com/office/drawing/2014/main" id="{D4FCA746-756F-6889-FD29-A4739D38F83C}"/>
              </a:ext>
            </a:extLst>
          </p:cNvPr>
          <p:cNvCxnSpPr>
            <a:cxnSpLocks/>
          </p:cNvCxnSpPr>
          <p:nvPr/>
        </p:nvCxnSpPr>
        <p:spPr>
          <a:xfrm>
            <a:off x="5104669" y="3076289"/>
            <a:ext cx="0" cy="2723606"/>
          </a:xfrm>
          <a:prstGeom prst="line">
            <a:avLst/>
          </a:prstGeom>
          <a:ln w="25400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Freihandform: Form 18">
            <a:extLst>
              <a:ext uri="{FF2B5EF4-FFF2-40B4-BE49-F238E27FC236}">
                <a16:creationId xmlns:a16="http://schemas.microsoft.com/office/drawing/2014/main" id="{2D7AD6BE-9BD4-98AC-4511-081525063834}"/>
              </a:ext>
            </a:extLst>
          </p:cNvPr>
          <p:cNvSpPr/>
          <p:nvPr/>
        </p:nvSpPr>
        <p:spPr>
          <a:xfrm>
            <a:off x="5103940" y="4295200"/>
            <a:ext cx="3088277" cy="1498159"/>
          </a:xfrm>
          <a:custGeom>
            <a:avLst/>
            <a:gdLst>
              <a:gd name="connsiteX0" fmla="*/ 0 w 3918857"/>
              <a:gd name="connsiteY0" fmla="*/ 1498159 h 1498159"/>
              <a:gd name="connsiteX1" fmla="*/ 568234 w 3918857"/>
              <a:gd name="connsiteY1" fmla="*/ 1165057 h 1498159"/>
              <a:gd name="connsiteX2" fmla="*/ 1018903 w 3918857"/>
              <a:gd name="connsiteY2" fmla="*/ 8994 h 1498159"/>
              <a:gd name="connsiteX3" fmla="*/ 1737360 w 3918857"/>
              <a:gd name="connsiteY3" fmla="*/ 629479 h 1498159"/>
              <a:gd name="connsiteX4" fmla="*/ 2351314 w 3918857"/>
              <a:gd name="connsiteY4" fmla="*/ 655605 h 1498159"/>
              <a:gd name="connsiteX5" fmla="*/ 2815046 w 3918857"/>
              <a:gd name="connsiteY5" fmla="*/ 1197714 h 1498159"/>
              <a:gd name="connsiteX6" fmla="*/ 3429000 w 3918857"/>
              <a:gd name="connsiteY6" fmla="*/ 1034428 h 1498159"/>
              <a:gd name="connsiteX7" fmla="*/ 3918857 w 3918857"/>
              <a:gd name="connsiteY7" fmla="*/ 1295685 h 1498159"/>
              <a:gd name="connsiteX8" fmla="*/ 3918857 w 3918857"/>
              <a:gd name="connsiteY8" fmla="*/ 1295685 h 149815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3918857" h="1498159">
                <a:moveTo>
                  <a:pt x="0" y="1498159"/>
                </a:moveTo>
                <a:cubicBezTo>
                  <a:pt x="199208" y="1455705"/>
                  <a:pt x="398417" y="1413251"/>
                  <a:pt x="568234" y="1165057"/>
                </a:cubicBezTo>
                <a:cubicBezTo>
                  <a:pt x="738051" y="916863"/>
                  <a:pt x="824049" y="98257"/>
                  <a:pt x="1018903" y="8994"/>
                </a:cubicBezTo>
                <a:cubicBezTo>
                  <a:pt x="1213757" y="-80269"/>
                  <a:pt x="1515292" y="521711"/>
                  <a:pt x="1737360" y="629479"/>
                </a:cubicBezTo>
                <a:cubicBezTo>
                  <a:pt x="1959428" y="737247"/>
                  <a:pt x="2171700" y="560899"/>
                  <a:pt x="2351314" y="655605"/>
                </a:cubicBezTo>
                <a:cubicBezTo>
                  <a:pt x="2530928" y="750311"/>
                  <a:pt x="2635432" y="1134577"/>
                  <a:pt x="2815046" y="1197714"/>
                </a:cubicBezTo>
                <a:cubicBezTo>
                  <a:pt x="2994660" y="1260851"/>
                  <a:pt x="3245031" y="1018099"/>
                  <a:pt x="3429000" y="1034428"/>
                </a:cubicBezTo>
                <a:cubicBezTo>
                  <a:pt x="3612969" y="1050757"/>
                  <a:pt x="3918857" y="1295685"/>
                  <a:pt x="3918857" y="1295685"/>
                </a:cubicBezTo>
                <a:lnTo>
                  <a:pt x="3918857" y="1295685"/>
                </a:lnTo>
              </a:path>
            </a:pathLst>
          </a:cu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0" name="Freihandform: Form 19">
            <a:extLst>
              <a:ext uri="{FF2B5EF4-FFF2-40B4-BE49-F238E27FC236}">
                <a16:creationId xmlns:a16="http://schemas.microsoft.com/office/drawing/2014/main" id="{63D57851-1743-2AEB-2BCF-45AD1A703E3D}"/>
              </a:ext>
            </a:extLst>
          </p:cNvPr>
          <p:cNvSpPr/>
          <p:nvPr/>
        </p:nvSpPr>
        <p:spPr>
          <a:xfrm flipH="1">
            <a:off x="8192582" y="4295200"/>
            <a:ext cx="3087187" cy="1498159"/>
          </a:xfrm>
          <a:custGeom>
            <a:avLst/>
            <a:gdLst>
              <a:gd name="connsiteX0" fmla="*/ 0 w 3918857"/>
              <a:gd name="connsiteY0" fmla="*/ 1498159 h 1498159"/>
              <a:gd name="connsiteX1" fmla="*/ 568234 w 3918857"/>
              <a:gd name="connsiteY1" fmla="*/ 1165057 h 1498159"/>
              <a:gd name="connsiteX2" fmla="*/ 1018903 w 3918857"/>
              <a:gd name="connsiteY2" fmla="*/ 8994 h 1498159"/>
              <a:gd name="connsiteX3" fmla="*/ 1737360 w 3918857"/>
              <a:gd name="connsiteY3" fmla="*/ 629479 h 1498159"/>
              <a:gd name="connsiteX4" fmla="*/ 2351314 w 3918857"/>
              <a:gd name="connsiteY4" fmla="*/ 655605 h 1498159"/>
              <a:gd name="connsiteX5" fmla="*/ 2815046 w 3918857"/>
              <a:gd name="connsiteY5" fmla="*/ 1197714 h 1498159"/>
              <a:gd name="connsiteX6" fmla="*/ 3429000 w 3918857"/>
              <a:gd name="connsiteY6" fmla="*/ 1034428 h 1498159"/>
              <a:gd name="connsiteX7" fmla="*/ 3918857 w 3918857"/>
              <a:gd name="connsiteY7" fmla="*/ 1295685 h 1498159"/>
              <a:gd name="connsiteX8" fmla="*/ 3918857 w 3918857"/>
              <a:gd name="connsiteY8" fmla="*/ 1295685 h 149815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3918857" h="1498159">
                <a:moveTo>
                  <a:pt x="0" y="1498159"/>
                </a:moveTo>
                <a:cubicBezTo>
                  <a:pt x="199208" y="1455705"/>
                  <a:pt x="398417" y="1413251"/>
                  <a:pt x="568234" y="1165057"/>
                </a:cubicBezTo>
                <a:cubicBezTo>
                  <a:pt x="738051" y="916863"/>
                  <a:pt x="824049" y="98257"/>
                  <a:pt x="1018903" y="8994"/>
                </a:cubicBezTo>
                <a:cubicBezTo>
                  <a:pt x="1213757" y="-80269"/>
                  <a:pt x="1515292" y="521711"/>
                  <a:pt x="1737360" y="629479"/>
                </a:cubicBezTo>
                <a:cubicBezTo>
                  <a:pt x="1959428" y="737247"/>
                  <a:pt x="2171700" y="560899"/>
                  <a:pt x="2351314" y="655605"/>
                </a:cubicBezTo>
                <a:cubicBezTo>
                  <a:pt x="2530928" y="750311"/>
                  <a:pt x="2635432" y="1134577"/>
                  <a:pt x="2815046" y="1197714"/>
                </a:cubicBezTo>
                <a:cubicBezTo>
                  <a:pt x="2994660" y="1260851"/>
                  <a:pt x="3245031" y="1018099"/>
                  <a:pt x="3429000" y="1034428"/>
                </a:cubicBezTo>
                <a:cubicBezTo>
                  <a:pt x="3612969" y="1050757"/>
                  <a:pt x="3918857" y="1295685"/>
                  <a:pt x="3918857" y="1295685"/>
                </a:cubicBezTo>
                <a:lnTo>
                  <a:pt x="3918857" y="1295685"/>
                </a:lnTo>
              </a:path>
            </a:pathLst>
          </a:cu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cxnSp>
        <p:nvCxnSpPr>
          <p:cNvPr id="17" name="Gerader Verbinder 16">
            <a:extLst>
              <a:ext uri="{FF2B5EF4-FFF2-40B4-BE49-F238E27FC236}">
                <a16:creationId xmlns:a16="http://schemas.microsoft.com/office/drawing/2014/main" id="{169E3E88-41A6-7909-7D00-D6470A03198C}"/>
              </a:ext>
            </a:extLst>
          </p:cNvPr>
          <p:cNvCxnSpPr>
            <a:cxnSpLocks/>
          </p:cNvCxnSpPr>
          <p:nvPr/>
        </p:nvCxnSpPr>
        <p:spPr>
          <a:xfrm>
            <a:off x="8192585" y="3076289"/>
            <a:ext cx="0" cy="2684427"/>
          </a:xfrm>
          <a:prstGeom prst="line">
            <a:avLst/>
          </a:prstGeom>
          <a:ln w="63500"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Textfeld 20">
            <a:extLst>
              <a:ext uri="{FF2B5EF4-FFF2-40B4-BE49-F238E27FC236}">
                <a16:creationId xmlns:a16="http://schemas.microsoft.com/office/drawing/2014/main" id="{4A426723-2A88-F4E0-1863-F60C253D03AD}"/>
              </a:ext>
            </a:extLst>
          </p:cNvPr>
          <p:cNvSpPr txBox="1"/>
          <p:nvPr/>
        </p:nvSpPr>
        <p:spPr>
          <a:xfrm>
            <a:off x="7740688" y="5799877"/>
            <a:ext cx="1040221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DE" sz="1600" dirty="0" err="1">
                <a:solidFill>
                  <a:srgbClr val="FFC000"/>
                </a:solidFill>
                <a:latin typeface="+mn-lt"/>
              </a:rPr>
              <a:t>Nyquist</a:t>
            </a:r>
            <a:br>
              <a:rPr lang="de-DE" sz="1600" dirty="0">
                <a:solidFill>
                  <a:srgbClr val="FFC000"/>
                </a:solidFill>
                <a:latin typeface="+mn-lt"/>
              </a:rPr>
            </a:br>
            <a:r>
              <a:rPr lang="de-DE" sz="1600" dirty="0" err="1">
                <a:solidFill>
                  <a:srgbClr val="FFC000"/>
                </a:solidFill>
                <a:latin typeface="+mn-lt"/>
              </a:rPr>
              <a:t>frequency</a:t>
            </a:r>
            <a:endParaRPr lang="de-DE" sz="1600" dirty="0">
              <a:solidFill>
                <a:srgbClr val="FFC000"/>
              </a:solidFill>
              <a:latin typeface="+mn-lt"/>
            </a:endParaRPr>
          </a:p>
        </p:txBody>
      </p:sp>
      <p:sp>
        <p:nvSpPr>
          <p:cNvPr id="5" name="Textfeld 4">
            <a:extLst>
              <a:ext uri="{FF2B5EF4-FFF2-40B4-BE49-F238E27FC236}">
                <a16:creationId xmlns:a16="http://schemas.microsoft.com/office/drawing/2014/main" id="{F0DCD811-993B-980C-C226-D9084758A35A}"/>
              </a:ext>
            </a:extLst>
          </p:cNvPr>
          <p:cNvSpPr txBox="1"/>
          <p:nvPr/>
        </p:nvSpPr>
        <p:spPr>
          <a:xfrm>
            <a:off x="4956014" y="5834865"/>
            <a:ext cx="54373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latin typeface="+mn-lt"/>
              </a:rPr>
              <a:t>K=0</a:t>
            </a:r>
          </a:p>
        </p:txBody>
      </p:sp>
      <p:sp>
        <p:nvSpPr>
          <p:cNvPr id="6" name="Textfeld 5">
            <a:extLst>
              <a:ext uri="{FF2B5EF4-FFF2-40B4-BE49-F238E27FC236}">
                <a16:creationId xmlns:a16="http://schemas.microsoft.com/office/drawing/2014/main" id="{2D73F305-A239-D8DC-D87C-57EE8EEB64C3}"/>
              </a:ext>
            </a:extLst>
          </p:cNvPr>
          <p:cNvSpPr txBox="1"/>
          <p:nvPr/>
        </p:nvSpPr>
        <p:spPr>
          <a:xfrm>
            <a:off x="10910919" y="5799877"/>
            <a:ext cx="737702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latin typeface="+mn-lt"/>
              </a:rPr>
              <a:t>K=N-1</a:t>
            </a:r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F6C16590-2DB7-AEA5-B60C-31297843AB41}"/>
              </a:ext>
            </a:extLst>
          </p:cNvPr>
          <p:cNvSpPr txBox="1"/>
          <p:nvPr/>
        </p:nvSpPr>
        <p:spPr>
          <a:xfrm>
            <a:off x="6215034" y="3364706"/>
            <a:ext cx="866456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solidFill>
                  <a:schemeClr val="bg1"/>
                </a:solidFill>
                <a:latin typeface="+mn-lt"/>
              </a:rPr>
              <a:t>positive</a:t>
            </a:r>
          </a:p>
        </p:txBody>
      </p:sp>
      <p:sp>
        <p:nvSpPr>
          <p:cNvPr id="8" name="Textfeld 7">
            <a:extLst>
              <a:ext uri="{FF2B5EF4-FFF2-40B4-BE49-F238E27FC236}">
                <a16:creationId xmlns:a16="http://schemas.microsoft.com/office/drawing/2014/main" id="{2740D9FA-38F9-97DB-491A-90EDE69676D6}"/>
              </a:ext>
            </a:extLst>
          </p:cNvPr>
          <p:cNvSpPr txBox="1"/>
          <p:nvPr/>
        </p:nvSpPr>
        <p:spPr>
          <a:xfrm>
            <a:off x="9274898" y="3364706"/>
            <a:ext cx="922560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solidFill>
                  <a:schemeClr val="bg1"/>
                </a:solidFill>
                <a:latin typeface="+mn-lt"/>
              </a:rPr>
              <a:t>negative</a:t>
            </a:r>
          </a:p>
        </p:txBody>
      </p:sp>
      <p:sp>
        <p:nvSpPr>
          <p:cNvPr id="10" name="Textfeld 9">
            <a:extLst>
              <a:ext uri="{FF2B5EF4-FFF2-40B4-BE49-F238E27FC236}">
                <a16:creationId xmlns:a16="http://schemas.microsoft.com/office/drawing/2014/main" id="{04DB76C7-1CCD-6E3D-2198-E0441A11B293}"/>
              </a:ext>
            </a:extLst>
          </p:cNvPr>
          <p:cNvSpPr txBox="1"/>
          <p:nvPr/>
        </p:nvSpPr>
        <p:spPr>
          <a:xfrm>
            <a:off x="294567" y="3195429"/>
            <a:ext cx="208198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DE" sz="1600" dirty="0" err="1">
                <a:solidFill>
                  <a:srgbClr val="FFC000"/>
                </a:solidFill>
                <a:latin typeface="+mn-lt"/>
              </a:rPr>
              <a:t>Nyquist</a:t>
            </a:r>
            <a:r>
              <a:rPr lang="de-DE" sz="1600" dirty="0">
                <a:solidFill>
                  <a:srgbClr val="FFC000"/>
                </a:solidFill>
                <a:latin typeface="+mn-lt"/>
              </a:rPr>
              <a:t> </a:t>
            </a:r>
            <a:r>
              <a:rPr lang="de-DE" sz="1600" dirty="0" err="1">
                <a:solidFill>
                  <a:srgbClr val="FFC000"/>
                </a:solidFill>
                <a:latin typeface="+mn-lt"/>
              </a:rPr>
              <a:t>frequency</a:t>
            </a:r>
            <a:r>
              <a:rPr lang="de-DE" sz="1600" dirty="0">
                <a:solidFill>
                  <a:srgbClr val="FFC000"/>
                </a:solidFill>
                <a:latin typeface="+mn-lt"/>
              </a:rPr>
              <a:t>:</a:t>
            </a:r>
          </a:p>
        </p:txBody>
      </p:sp>
      <p:pic>
        <p:nvPicPr>
          <p:cNvPr id="18" name="Grafik 17">
            <a:extLst>
              <a:ext uri="{FF2B5EF4-FFF2-40B4-BE49-F238E27FC236}">
                <a16:creationId xmlns:a16="http://schemas.microsoft.com/office/drawing/2014/main" id="{152548BA-DA41-5ED9-4A05-B3C461C0E568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7618" y="3533983"/>
            <a:ext cx="1352700" cy="28197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9927629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hteck 12">
            <a:extLst>
              <a:ext uri="{FF2B5EF4-FFF2-40B4-BE49-F238E27FC236}">
                <a16:creationId xmlns:a16="http://schemas.microsoft.com/office/drawing/2014/main" id="{CA4414CD-0A32-1919-83B0-F66A2A715220}"/>
              </a:ext>
            </a:extLst>
          </p:cNvPr>
          <p:cNvSpPr/>
          <p:nvPr/>
        </p:nvSpPr>
        <p:spPr>
          <a:xfrm>
            <a:off x="5104669" y="3069771"/>
            <a:ext cx="3087187" cy="2723588"/>
          </a:xfrm>
          <a:prstGeom prst="rect">
            <a:avLst/>
          </a:prstGeom>
          <a:solidFill>
            <a:schemeClr val="accent6">
              <a:lumMod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18D59F2A-E4FD-5FC9-AE3C-87DAE95DEB7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5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80F1F566-26AD-2486-BB4C-C7F528A2668E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r>
              <a:rPr lang="de-DE" dirty="0" err="1"/>
              <a:t>One-sided</a:t>
            </a:r>
            <a:r>
              <a:rPr lang="de-DE" dirty="0"/>
              <a:t> and </a:t>
            </a:r>
            <a:r>
              <a:rPr lang="de-DE" dirty="0" err="1"/>
              <a:t>two-sided</a:t>
            </a:r>
            <a:r>
              <a:rPr lang="de-DE" dirty="0"/>
              <a:t> FFT</a:t>
            </a:r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B799FD0E-1220-19C1-E08A-9F9C346F6E3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Practical</a:t>
            </a:r>
            <a:r>
              <a:rPr lang="de-DE" dirty="0"/>
              <a:t> </a:t>
            </a:r>
            <a:r>
              <a:rPr lang="de-DE" dirty="0" err="1"/>
              <a:t>Issues</a:t>
            </a:r>
            <a:r>
              <a:rPr lang="de-DE" dirty="0"/>
              <a:t>: </a:t>
            </a:r>
            <a:r>
              <a:rPr lang="de-DE" dirty="0" err="1"/>
              <a:t>one</a:t>
            </a:r>
            <a:r>
              <a:rPr lang="de-DE" dirty="0"/>
              <a:t>- / </a:t>
            </a:r>
            <a:r>
              <a:rPr lang="de-DE" dirty="0" err="1"/>
              <a:t>two-sided</a:t>
            </a:r>
            <a:r>
              <a:rPr lang="de-DE" dirty="0"/>
              <a:t> FFT</a:t>
            </a:r>
          </a:p>
        </p:txBody>
      </p:sp>
      <p:cxnSp>
        <p:nvCxnSpPr>
          <p:cNvPr id="9" name="Gerader Verbinder 8">
            <a:extLst>
              <a:ext uri="{FF2B5EF4-FFF2-40B4-BE49-F238E27FC236}">
                <a16:creationId xmlns:a16="http://schemas.microsoft.com/office/drawing/2014/main" id="{B7BD61EC-6C7E-D427-BCC3-6A4FECCE1067}"/>
              </a:ext>
            </a:extLst>
          </p:cNvPr>
          <p:cNvCxnSpPr>
            <a:cxnSpLocks/>
          </p:cNvCxnSpPr>
          <p:nvPr/>
        </p:nvCxnSpPr>
        <p:spPr>
          <a:xfrm flipV="1">
            <a:off x="5105400" y="5793377"/>
            <a:ext cx="6174371" cy="6500"/>
          </a:xfrm>
          <a:prstGeom prst="line">
            <a:avLst/>
          </a:prstGeom>
          <a:ln w="254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2" name="Gerader Verbinder 11">
            <a:extLst>
              <a:ext uri="{FF2B5EF4-FFF2-40B4-BE49-F238E27FC236}">
                <a16:creationId xmlns:a16="http://schemas.microsoft.com/office/drawing/2014/main" id="{D4FCA746-756F-6889-FD29-A4739D38F83C}"/>
              </a:ext>
            </a:extLst>
          </p:cNvPr>
          <p:cNvCxnSpPr>
            <a:cxnSpLocks/>
          </p:cNvCxnSpPr>
          <p:nvPr/>
        </p:nvCxnSpPr>
        <p:spPr>
          <a:xfrm>
            <a:off x="5104669" y="3076289"/>
            <a:ext cx="0" cy="2723606"/>
          </a:xfrm>
          <a:prstGeom prst="line">
            <a:avLst/>
          </a:prstGeom>
          <a:ln w="25400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Freihandform: Form 18">
            <a:extLst>
              <a:ext uri="{FF2B5EF4-FFF2-40B4-BE49-F238E27FC236}">
                <a16:creationId xmlns:a16="http://schemas.microsoft.com/office/drawing/2014/main" id="{2D7AD6BE-9BD4-98AC-4511-081525063834}"/>
              </a:ext>
            </a:extLst>
          </p:cNvPr>
          <p:cNvSpPr/>
          <p:nvPr/>
        </p:nvSpPr>
        <p:spPr>
          <a:xfrm>
            <a:off x="5103940" y="4295200"/>
            <a:ext cx="3088277" cy="1498159"/>
          </a:xfrm>
          <a:custGeom>
            <a:avLst/>
            <a:gdLst>
              <a:gd name="connsiteX0" fmla="*/ 0 w 3918857"/>
              <a:gd name="connsiteY0" fmla="*/ 1498159 h 1498159"/>
              <a:gd name="connsiteX1" fmla="*/ 568234 w 3918857"/>
              <a:gd name="connsiteY1" fmla="*/ 1165057 h 1498159"/>
              <a:gd name="connsiteX2" fmla="*/ 1018903 w 3918857"/>
              <a:gd name="connsiteY2" fmla="*/ 8994 h 1498159"/>
              <a:gd name="connsiteX3" fmla="*/ 1737360 w 3918857"/>
              <a:gd name="connsiteY3" fmla="*/ 629479 h 1498159"/>
              <a:gd name="connsiteX4" fmla="*/ 2351314 w 3918857"/>
              <a:gd name="connsiteY4" fmla="*/ 655605 h 1498159"/>
              <a:gd name="connsiteX5" fmla="*/ 2815046 w 3918857"/>
              <a:gd name="connsiteY5" fmla="*/ 1197714 h 1498159"/>
              <a:gd name="connsiteX6" fmla="*/ 3429000 w 3918857"/>
              <a:gd name="connsiteY6" fmla="*/ 1034428 h 1498159"/>
              <a:gd name="connsiteX7" fmla="*/ 3918857 w 3918857"/>
              <a:gd name="connsiteY7" fmla="*/ 1295685 h 1498159"/>
              <a:gd name="connsiteX8" fmla="*/ 3918857 w 3918857"/>
              <a:gd name="connsiteY8" fmla="*/ 1295685 h 149815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3918857" h="1498159">
                <a:moveTo>
                  <a:pt x="0" y="1498159"/>
                </a:moveTo>
                <a:cubicBezTo>
                  <a:pt x="199208" y="1455705"/>
                  <a:pt x="398417" y="1413251"/>
                  <a:pt x="568234" y="1165057"/>
                </a:cubicBezTo>
                <a:cubicBezTo>
                  <a:pt x="738051" y="916863"/>
                  <a:pt x="824049" y="98257"/>
                  <a:pt x="1018903" y="8994"/>
                </a:cubicBezTo>
                <a:cubicBezTo>
                  <a:pt x="1213757" y="-80269"/>
                  <a:pt x="1515292" y="521711"/>
                  <a:pt x="1737360" y="629479"/>
                </a:cubicBezTo>
                <a:cubicBezTo>
                  <a:pt x="1959428" y="737247"/>
                  <a:pt x="2171700" y="560899"/>
                  <a:pt x="2351314" y="655605"/>
                </a:cubicBezTo>
                <a:cubicBezTo>
                  <a:pt x="2530928" y="750311"/>
                  <a:pt x="2635432" y="1134577"/>
                  <a:pt x="2815046" y="1197714"/>
                </a:cubicBezTo>
                <a:cubicBezTo>
                  <a:pt x="2994660" y="1260851"/>
                  <a:pt x="3245031" y="1018099"/>
                  <a:pt x="3429000" y="1034428"/>
                </a:cubicBezTo>
                <a:cubicBezTo>
                  <a:pt x="3612969" y="1050757"/>
                  <a:pt x="3918857" y="1295685"/>
                  <a:pt x="3918857" y="1295685"/>
                </a:cubicBezTo>
                <a:lnTo>
                  <a:pt x="3918857" y="1295685"/>
                </a:lnTo>
              </a:path>
            </a:pathLst>
          </a:cu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cxnSp>
        <p:nvCxnSpPr>
          <p:cNvPr id="17" name="Gerader Verbinder 16">
            <a:extLst>
              <a:ext uri="{FF2B5EF4-FFF2-40B4-BE49-F238E27FC236}">
                <a16:creationId xmlns:a16="http://schemas.microsoft.com/office/drawing/2014/main" id="{169E3E88-41A6-7909-7D00-D6470A03198C}"/>
              </a:ext>
            </a:extLst>
          </p:cNvPr>
          <p:cNvCxnSpPr>
            <a:cxnSpLocks/>
          </p:cNvCxnSpPr>
          <p:nvPr/>
        </p:nvCxnSpPr>
        <p:spPr>
          <a:xfrm>
            <a:off x="8192585" y="3076289"/>
            <a:ext cx="0" cy="2684427"/>
          </a:xfrm>
          <a:prstGeom prst="line">
            <a:avLst/>
          </a:prstGeom>
          <a:ln w="63500"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Textfeld 20">
            <a:extLst>
              <a:ext uri="{FF2B5EF4-FFF2-40B4-BE49-F238E27FC236}">
                <a16:creationId xmlns:a16="http://schemas.microsoft.com/office/drawing/2014/main" id="{4A426723-2A88-F4E0-1863-F60C253D03AD}"/>
              </a:ext>
            </a:extLst>
          </p:cNvPr>
          <p:cNvSpPr txBox="1"/>
          <p:nvPr/>
        </p:nvSpPr>
        <p:spPr>
          <a:xfrm>
            <a:off x="7740688" y="5799877"/>
            <a:ext cx="1040221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DE" sz="1600" dirty="0" err="1">
                <a:solidFill>
                  <a:srgbClr val="FFC000"/>
                </a:solidFill>
                <a:latin typeface="+mn-lt"/>
              </a:rPr>
              <a:t>Nyquist</a:t>
            </a:r>
            <a:br>
              <a:rPr lang="de-DE" sz="1600" dirty="0">
                <a:solidFill>
                  <a:srgbClr val="FFC000"/>
                </a:solidFill>
                <a:latin typeface="+mn-lt"/>
              </a:rPr>
            </a:br>
            <a:r>
              <a:rPr lang="de-DE" sz="1600" dirty="0" err="1">
                <a:solidFill>
                  <a:srgbClr val="FFC000"/>
                </a:solidFill>
                <a:latin typeface="+mn-lt"/>
              </a:rPr>
              <a:t>frequency</a:t>
            </a:r>
            <a:endParaRPr lang="de-DE" sz="1600" dirty="0">
              <a:solidFill>
                <a:srgbClr val="FFC000"/>
              </a:solidFill>
              <a:latin typeface="+mn-lt"/>
            </a:endParaRPr>
          </a:p>
        </p:txBody>
      </p:sp>
      <p:sp>
        <p:nvSpPr>
          <p:cNvPr id="5" name="Textfeld 4">
            <a:extLst>
              <a:ext uri="{FF2B5EF4-FFF2-40B4-BE49-F238E27FC236}">
                <a16:creationId xmlns:a16="http://schemas.microsoft.com/office/drawing/2014/main" id="{F0DCD811-993B-980C-C226-D9084758A35A}"/>
              </a:ext>
            </a:extLst>
          </p:cNvPr>
          <p:cNvSpPr txBox="1"/>
          <p:nvPr/>
        </p:nvSpPr>
        <p:spPr>
          <a:xfrm>
            <a:off x="4956014" y="5834865"/>
            <a:ext cx="54373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latin typeface="+mn-lt"/>
              </a:rPr>
              <a:t>K=0</a:t>
            </a:r>
          </a:p>
        </p:txBody>
      </p:sp>
      <p:sp>
        <p:nvSpPr>
          <p:cNvPr id="6" name="Textfeld 5">
            <a:extLst>
              <a:ext uri="{FF2B5EF4-FFF2-40B4-BE49-F238E27FC236}">
                <a16:creationId xmlns:a16="http://schemas.microsoft.com/office/drawing/2014/main" id="{2D73F305-A239-D8DC-D87C-57EE8EEB64C3}"/>
              </a:ext>
            </a:extLst>
          </p:cNvPr>
          <p:cNvSpPr txBox="1"/>
          <p:nvPr/>
        </p:nvSpPr>
        <p:spPr>
          <a:xfrm>
            <a:off x="10910919" y="5799877"/>
            <a:ext cx="737702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latin typeface="+mn-lt"/>
              </a:rPr>
              <a:t>K=N-1</a:t>
            </a:r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F6C16590-2DB7-AEA5-B60C-31297843AB41}"/>
              </a:ext>
            </a:extLst>
          </p:cNvPr>
          <p:cNvSpPr txBox="1"/>
          <p:nvPr/>
        </p:nvSpPr>
        <p:spPr>
          <a:xfrm>
            <a:off x="6215034" y="3364706"/>
            <a:ext cx="866456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solidFill>
                  <a:schemeClr val="bg1"/>
                </a:solidFill>
                <a:latin typeface="+mn-lt"/>
              </a:rPr>
              <a:t>positive</a:t>
            </a:r>
          </a:p>
        </p:txBody>
      </p:sp>
      <p:grpSp>
        <p:nvGrpSpPr>
          <p:cNvPr id="11" name="Gruppieren 10">
            <a:extLst>
              <a:ext uri="{FF2B5EF4-FFF2-40B4-BE49-F238E27FC236}">
                <a16:creationId xmlns:a16="http://schemas.microsoft.com/office/drawing/2014/main" id="{2D9AD2AE-4666-CC97-95BF-60152F992D04}"/>
              </a:ext>
            </a:extLst>
          </p:cNvPr>
          <p:cNvGrpSpPr/>
          <p:nvPr/>
        </p:nvGrpSpPr>
        <p:grpSpPr>
          <a:xfrm>
            <a:off x="8192582" y="3069771"/>
            <a:ext cx="3087189" cy="2723588"/>
            <a:chOff x="8192582" y="3069771"/>
            <a:chExt cx="3087189" cy="2723588"/>
          </a:xfrm>
        </p:grpSpPr>
        <p:sp>
          <p:nvSpPr>
            <p:cNvPr id="14" name="Rechteck 13">
              <a:extLst>
                <a:ext uri="{FF2B5EF4-FFF2-40B4-BE49-F238E27FC236}">
                  <a16:creationId xmlns:a16="http://schemas.microsoft.com/office/drawing/2014/main" id="{58AD2251-110C-1E7B-00B9-03DD88EAA14B}"/>
                </a:ext>
              </a:extLst>
            </p:cNvPr>
            <p:cNvSpPr/>
            <p:nvPr/>
          </p:nvSpPr>
          <p:spPr>
            <a:xfrm>
              <a:off x="8192585" y="3069771"/>
              <a:ext cx="3087186" cy="2723588"/>
            </a:xfrm>
            <a:prstGeom prst="rect">
              <a:avLst/>
            </a:prstGeom>
            <a:solidFill>
              <a:schemeClr val="accent3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sz="1600" dirty="0"/>
            </a:p>
          </p:txBody>
        </p:sp>
        <p:sp>
          <p:nvSpPr>
            <p:cNvPr id="20" name="Freihandform: Form 19">
              <a:extLst>
                <a:ext uri="{FF2B5EF4-FFF2-40B4-BE49-F238E27FC236}">
                  <a16:creationId xmlns:a16="http://schemas.microsoft.com/office/drawing/2014/main" id="{63D57851-1743-2AEB-2BCF-45AD1A703E3D}"/>
                </a:ext>
              </a:extLst>
            </p:cNvPr>
            <p:cNvSpPr/>
            <p:nvPr/>
          </p:nvSpPr>
          <p:spPr>
            <a:xfrm flipH="1">
              <a:off x="8192582" y="4295200"/>
              <a:ext cx="3087187" cy="1498159"/>
            </a:xfrm>
            <a:custGeom>
              <a:avLst/>
              <a:gdLst>
                <a:gd name="connsiteX0" fmla="*/ 0 w 3918857"/>
                <a:gd name="connsiteY0" fmla="*/ 1498159 h 1498159"/>
                <a:gd name="connsiteX1" fmla="*/ 568234 w 3918857"/>
                <a:gd name="connsiteY1" fmla="*/ 1165057 h 1498159"/>
                <a:gd name="connsiteX2" fmla="*/ 1018903 w 3918857"/>
                <a:gd name="connsiteY2" fmla="*/ 8994 h 1498159"/>
                <a:gd name="connsiteX3" fmla="*/ 1737360 w 3918857"/>
                <a:gd name="connsiteY3" fmla="*/ 629479 h 1498159"/>
                <a:gd name="connsiteX4" fmla="*/ 2351314 w 3918857"/>
                <a:gd name="connsiteY4" fmla="*/ 655605 h 1498159"/>
                <a:gd name="connsiteX5" fmla="*/ 2815046 w 3918857"/>
                <a:gd name="connsiteY5" fmla="*/ 1197714 h 1498159"/>
                <a:gd name="connsiteX6" fmla="*/ 3429000 w 3918857"/>
                <a:gd name="connsiteY6" fmla="*/ 1034428 h 1498159"/>
                <a:gd name="connsiteX7" fmla="*/ 3918857 w 3918857"/>
                <a:gd name="connsiteY7" fmla="*/ 1295685 h 1498159"/>
                <a:gd name="connsiteX8" fmla="*/ 3918857 w 3918857"/>
                <a:gd name="connsiteY8" fmla="*/ 1295685 h 149815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3918857" h="1498159">
                  <a:moveTo>
                    <a:pt x="0" y="1498159"/>
                  </a:moveTo>
                  <a:cubicBezTo>
                    <a:pt x="199208" y="1455705"/>
                    <a:pt x="398417" y="1413251"/>
                    <a:pt x="568234" y="1165057"/>
                  </a:cubicBezTo>
                  <a:cubicBezTo>
                    <a:pt x="738051" y="916863"/>
                    <a:pt x="824049" y="98257"/>
                    <a:pt x="1018903" y="8994"/>
                  </a:cubicBezTo>
                  <a:cubicBezTo>
                    <a:pt x="1213757" y="-80269"/>
                    <a:pt x="1515292" y="521711"/>
                    <a:pt x="1737360" y="629479"/>
                  </a:cubicBezTo>
                  <a:cubicBezTo>
                    <a:pt x="1959428" y="737247"/>
                    <a:pt x="2171700" y="560899"/>
                    <a:pt x="2351314" y="655605"/>
                  </a:cubicBezTo>
                  <a:cubicBezTo>
                    <a:pt x="2530928" y="750311"/>
                    <a:pt x="2635432" y="1134577"/>
                    <a:pt x="2815046" y="1197714"/>
                  </a:cubicBezTo>
                  <a:cubicBezTo>
                    <a:pt x="2994660" y="1260851"/>
                    <a:pt x="3245031" y="1018099"/>
                    <a:pt x="3429000" y="1034428"/>
                  </a:cubicBezTo>
                  <a:cubicBezTo>
                    <a:pt x="3612969" y="1050757"/>
                    <a:pt x="3918857" y="1295685"/>
                    <a:pt x="3918857" y="1295685"/>
                  </a:cubicBezTo>
                  <a:lnTo>
                    <a:pt x="3918857" y="1295685"/>
                  </a:lnTo>
                </a:path>
              </a:pathLst>
            </a:custGeom>
            <a:noFill/>
            <a:ln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sp>
          <p:nvSpPr>
            <p:cNvPr id="8" name="Textfeld 7">
              <a:extLst>
                <a:ext uri="{FF2B5EF4-FFF2-40B4-BE49-F238E27FC236}">
                  <a16:creationId xmlns:a16="http://schemas.microsoft.com/office/drawing/2014/main" id="{2740D9FA-38F9-97DB-491A-90EDE69676D6}"/>
                </a:ext>
              </a:extLst>
            </p:cNvPr>
            <p:cNvSpPr txBox="1"/>
            <p:nvPr/>
          </p:nvSpPr>
          <p:spPr>
            <a:xfrm>
              <a:off x="9274898" y="3364706"/>
              <a:ext cx="922560" cy="33855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600" dirty="0">
                  <a:solidFill>
                    <a:schemeClr val="bg1"/>
                  </a:solidFill>
                  <a:latin typeface="+mn-lt"/>
                </a:rPr>
                <a:t>negative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31696083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path" presetSubtype="0" accel="50000" decel="5000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3.03609E-6 -0.00094 L -0.51606 -0.00212 " pathEditMode="relative" rAng="0" ptsTypes="AA">
                                      <p:cBhvr>
                                        <p:cTn id="6" dur="20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25809" y="-71"/>
                                    </p:animMotion>
                                  </p:childTnLst>
                                </p:cTn>
                              </p:par>
                              <p:par>
                                <p:cTn id="7" presetID="42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.20953 0.00094 L -0.25809 1.96037E-6 " pathEditMode="relative" rAng="0" ptsTypes="AA">
                                      <p:cBhvr>
                                        <p:cTn id="8" dur="20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23381" y="-47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hteck 12">
            <a:extLst>
              <a:ext uri="{FF2B5EF4-FFF2-40B4-BE49-F238E27FC236}">
                <a16:creationId xmlns:a16="http://schemas.microsoft.com/office/drawing/2014/main" id="{CA4414CD-0A32-1919-83B0-F66A2A715220}"/>
              </a:ext>
            </a:extLst>
          </p:cNvPr>
          <p:cNvSpPr/>
          <p:nvPr/>
        </p:nvSpPr>
        <p:spPr>
          <a:xfrm>
            <a:off x="5104669" y="3069771"/>
            <a:ext cx="3087187" cy="2723588"/>
          </a:xfrm>
          <a:prstGeom prst="rect">
            <a:avLst/>
          </a:prstGeom>
          <a:solidFill>
            <a:schemeClr val="accent6">
              <a:lumMod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18D59F2A-E4FD-5FC9-AE3C-87DAE95DEB7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6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80F1F566-26AD-2486-BB4C-C7F528A2668E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r>
              <a:rPr lang="de-DE" dirty="0" err="1"/>
              <a:t>One-sided</a:t>
            </a:r>
            <a:r>
              <a:rPr lang="de-DE" dirty="0"/>
              <a:t> and </a:t>
            </a:r>
            <a:r>
              <a:rPr lang="de-DE" dirty="0" err="1"/>
              <a:t>two-sided</a:t>
            </a:r>
            <a:r>
              <a:rPr lang="de-DE" dirty="0"/>
              <a:t> FFT</a:t>
            </a:r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B799FD0E-1220-19C1-E08A-9F9C346F6E3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Practical</a:t>
            </a:r>
            <a:r>
              <a:rPr lang="de-DE" dirty="0"/>
              <a:t> </a:t>
            </a:r>
            <a:r>
              <a:rPr lang="de-DE" dirty="0" err="1"/>
              <a:t>Issues</a:t>
            </a:r>
            <a:r>
              <a:rPr lang="de-DE" dirty="0"/>
              <a:t>: </a:t>
            </a:r>
            <a:r>
              <a:rPr lang="de-DE" dirty="0" err="1"/>
              <a:t>one</a:t>
            </a:r>
            <a:r>
              <a:rPr lang="de-DE" dirty="0"/>
              <a:t>- / </a:t>
            </a:r>
            <a:r>
              <a:rPr lang="de-DE" dirty="0" err="1"/>
              <a:t>two-sided</a:t>
            </a:r>
            <a:r>
              <a:rPr lang="de-DE" dirty="0"/>
              <a:t> FFT</a:t>
            </a:r>
          </a:p>
        </p:txBody>
      </p:sp>
      <p:cxnSp>
        <p:nvCxnSpPr>
          <p:cNvPr id="12" name="Gerader Verbinder 11">
            <a:extLst>
              <a:ext uri="{FF2B5EF4-FFF2-40B4-BE49-F238E27FC236}">
                <a16:creationId xmlns:a16="http://schemas.microsoft.com/office/drawing/2014/main" id="{D4FCA746-756F-6889-FD29-A4739D38F83C}"/>
              </a:ext>
            </a:extLst>
          </p:cNvPr>
          <p:cNvCxnSpPr>
            <a:cxnSpLocks/>
          </p:cNvCxnSpPr>
          <p:nvPr/>
        </p:nvCxnSpPr>
        <p:spPr>
          <a:xfrm>
            <a:off x="5104669" y="3076289"/>
            <a:ext cx="0" cy="2723606"/>
          </a:xfrm>
          <a:prstGeom prst="line">
            <a:avLst/>
          </a:prstGeom>
          <a:ln w="25400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Freihandform: Form 18">
            <a:extLst>
              <a:ext uri="{FF2B5EF4-FFF2-40B4-BE49-F238E27FC236}">
                <a16:creationId xmlns:a16="http://schemas.microsoft.com/office/drawing/2014/main" id="{2D7AD6BE-9BD4-98AC-4511-081525063834}"/>
              </a:ext>
            </a:extLst>
          </p:cNvPr>
          <p:cNvSpPr/>
          <p:nvPr/>
        </p:nvSpPr>
        <p:spPr>
          <a:xfrm>
            <a:off x="5103940" y="4295200"/>
            <a:ext cx="3088277" cy="1498159"/>
          </a:xfrm>
          <a:custGeom>
            <a:avLst/>
            <a:gdLst>
              <a:gd name="connsiteX0" fmla="*/ 0 w 3918857"/>
              <a:gd name="connsiteY0" fmla="*/ 1498159 h 1498159"/>
              <a:gd name="connsiteX1" fmla="*/ 568234 w 3918857"/>
              <a:gd name="connsiteY1" fmla="*/ 1165057 h 1498159"/>
              <a:gd name="connsiteX2" fmla="*/ 1018903 w 3918857"/>
              <a:gd name="connsiteY2" fmla="*/ 8994 h 1498159"/>
              <a:gd name="connsiteX3" fmla="*/ 1737360 w 3918857"/>
              <a:gd name="connsiteY3" fmla="*/ 629479 h 1498159"/>
              <a:gd name="connsiteX4" fmla="*/ 2351314 w 3918857"/>
              <a:gd name="connsiteY4" fmla="*/ 655605 h 1498159"/>
              <a:gd name="connsiteX5" fmla="*/ 2815046 w 3918857"/>
              <a:gd name="connsiteY5" fmla="*/ 1197714 h 1498159"/>
              <a:gd name="connsiteX6" fmla="*/ 3429000 w 3918857"/>
              <a:gd name="connsiteY6" fmla="*/ 1034428 h 1498159"/>
              <a:gd name="connsiteX7" fmla="*/ 3918857 w 3918857"/>
              <a:gd name="connsiteY7" fmla="*/ 1295685 h 1498159"/>
              <a:gd name="connsiteX8" fmla="*/ 3918857 w 3918857"/>
              <a:gd name="connsiteY8" fmla="*/ 1295685 h 149815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3918857" h="1498159">
                <a:moveTo>
                  <a:pt x="0" y="1498159"/>
                </a:moveTo>
                <a:cubicBezTo>
                  <a:pt x="199208" y="1455705"/>
                  <a:pt x="398417" y="1413251"/>
                  <a:pt x="568234" y="1165057"/>
                </a:cubicBezTo>
                <a:cubicBezTo>
                  <a:pt x="738051" y="916863"/>
                  <a:pt x="824049" y="98257"/>
                  <a:pt x="1018903" y="8994"/>
                </a:cubicBezTo>
                <a:cubicBezTo>
                  <a:pt x="1213757" y="-80269"/>
                  <a:pt x="1515292" y="521711"/>
                  <a:pt x="1737360" y="629479"/>
                </a:cubicBezTo>
                <a:cubicBezTo>
                  <a:pt x="1959428" y="737247"/>
                  <a:pt x="2171700" y="560899"/>
                  <a:pt x="2351314" y="655605"/>
                </a:cubicBezTo>
                <a:cubicBezTo>
                  <a:pt x="2530928" y="750311"/>
                  <a:pt x="2635432" y="1134577"/>
                  <a:pt x="2815046" y="1197714"/>
                </a:cubicBezTo>
                <a:cubicBezTo>
                  <a:pt x="2994660" y="1260851"/>
                  <a:pt x="3245031" y="1018099"/>
                  <a:pt x="3429000" y="1034428"/>
                </a:cubicBezTo>
                <a:cubicBezTo>
                  <a:pt x="3612969" y="1050757"/>
                  <a:pt x="3918857" y="1295685"/>
                  <a:pt x="3918857" y="1295685"/>
                </a:cubicBezTo>
                <a:lnTo>
                  <a:pt x="3918857" y="1295685"/>
                </a:lnTo>
              </a:path>
            </a:pathLst>
          </a:cu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cxnSp>
        <p:nvCxnSpPr>
          <p:cNvPr id="17" name="Gerader Verbinder 16">
            <a:extLst>
              <a:ext uri="{FF2B5EF4-FFF2-40B4-BE49-F238E27FC236}">
                <a16:creationId xmlns:a16="http://schemas.microsoft.com/office/drawing/2014/main" id="{169E3E88-41A6-7909-7D00-D6470A03198C}"/>
              </a:ext>
            </a:extLst>
          </p:cNvPr>
          <p:cNvCxnSpPr>
            <a:cxnSpLocks/>
          </p:cNvCxnSpPr>
          <p:nvPr/>
        </p:nvCxnSpPr>
        <p:spPr>
          <a:xfrm>
            <a:off x="8192585" y="3076289"/>
            <a:ext cx="0" cy="2684427"/>
          </a:xfrm>
          <a:prstGeom prst="line">
            <a:avLst/>
          </a:prstGeom>
          <a:ln w="63500"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Textfeld 20">
            <a:extLst>
              <a:ext uri="{FF2B5EF4-FFF2-40B4-BE49-F238E27FC236}">
                <a16:creationId xmlns:a16="http://schemas.microsoft.com/office/drawing/2014/main" id="{4A426723-2A88-F4E0-1863-F60C253D03AD}"/>
              </a:ext>
            </a:extLst>
          </p:cNvPr>
          <p:cNvSpPr txBox="1"/>
          <p:nvPr/>
        </p:nvSpPr>
        <p:spPr>
          <a:xfrm>
            <a:off x="7740688" y="5799877"/>
            <a:ext cx="1040221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DE" sz="1600" dirty="0" err="1">
                <a:solidFill>
                  <a:srgbClr val="FFC000"/>
                </a:solidFill>
                <a:latin typeface="+mn-lt"/>
              </a:rPr>
              <a:t>Nyquist</a:t>
            </a:r>
            <a:br>
              <a:rPr lang="de-DE" sz="1600" dirty="0">
                <a:solidFill>
                  <a:srgbClr val="FFC000"/>
                </a:solidFill>
                <a:latin typeface="+mn-lt"/>
              </a:rPr>
            </a:br>
            <a:r>
              <a:rPr lang="de-DE" sz="1600" dirty="0" err="1">
                <a:solidFill>
                  <a:srgbClr val="FFC000"/>
                </a:solidFill>
                <a:latin typeface="+mn-lt"/>
              </a:rPr>
              <a:t>frequency</a:t>
            </a:r>
            <a:endParaRPr lang="de-DE" sz="1600" dirty="0">
              <a:solidFill>
                <a:srgbClr val="FFC000"/>
              </a:solidFill>
              <a:latin typeface="+mn-lt"/>
            </a:endParaRPr>
          </a:p>
        </p:txBody>
      </p:sp>
      <p:sp>
        <p:nvSpPr>
          <p:cNvPr id="5" name="Textfeld 4">
            <a:extLst>
              <a:ext uri="{FF2B5EF4-FFF2-40B4-BE49-F238E27FC236}">
                <a16:creationId xmlns:a16="http://schemas.microsoft.com/office/drawing/2014/main" id="{F0DCD811-993B-980C-C226-D9084758A35A}"/>
              </a:ext>
            </a:extLst>
          </p:cNvPr>
          <p:cNvSpPr txBox="1"/>
          <p:nvPr/>
        </p:nvSpPr>
        <p:spPr>
          <a:xfrm>
            <a:off x="4956014" y="5834865"/>
            <a:ext cx="54373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latin typeface="+mn-lt"/>
              </a:rPr>
              <a:t>K=0</a:t>
            </a:r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F6C16590-2DB7-AEA5-B60C-31297843AB41}"/>
              </a:ext>
            </a:extLst>
          </p:cNvPr>
          <p:cNvSpPr txBox="1"/>
          <p:nvPr/>
        </p:nvSpPr>
        <p:spPr>
          <a:xfrm>
            <a:off x="6215034" y="3364706"/>
            <a:ext cx="866456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solidFill>
                  <a:schemeClr val="bg1"/>
                </a:solidFill>
                <a:latin typeface="+mn-lt"/>
              </a:rPr>
              <a:t>positive</a:t>
            </a:r>
          </a:p>
        </p:txBody>
      </p:sp>
      <p:grpSp>
        <p:nvGrpSpPr>
          <p:cNvPr id="11" name="Gruppieren 10">
            <a:extLst>
              <a:ext uri="{FF2B5EF4-FFF2-40B4-BE49-F238E27FC236}">
                <a16:creationId xmlns:a16="http://schemas.microsoft.com/office/drawing/2014/main" id="{41B95B05-BACA-FE30-33B8-114A386F6493}"/>
              </a:ext>
            </a:extLst>
          </p:cNvPr>
          <p:cNvGrpSpPr/>
          <p:nvPr/>
        </p:nvGrpSpPr>
        <p:grpSpPr>
          <a:xfrm>
            <a:off x="2007682" y="3069771"/>
            <a:ext cx="3087189" cy="2723588"/>
            <a:chOff x="8192582" y="3069771"/>
            <a:chExt cx="3087189" cy="2723588"/>
          </a:xfrm>
        </p:grpSpPr>
        <p:sp>
          <p:nvSpPr>
            <p:cNvPr id="14" name="Rechteck 13">
              <a:extLst>
                <a:ext uri="{FF2B5EF4-FFF2-40B4-BE49-F238E27FC236}">
                  <a16:creationId xmlns:a16="http://schemas.microsoft.com/office/drawing/2014/main" id="{58AD2251-110C-1E7B-00B9-03DD88EAA14B}"/>
                </a:ext>
              </a:extLst>
            </p:cNvPr>
            <p:cNvSpPr/>
            <p:nvPr/>
          </p:nvSpPr>
          <p:spPr>
            <a:xfrm>
              <a:off x="8192585" y="3069771"/>
              <a:ext cx="3087186" cy="2723588"/>
            </a:xfrm>
            <a:prstGeom prst="rect">
              <a:avLst/>
            </a:prstGeom>
            <a:solidFill>
              <a:schemeClr val="accent3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sz="1600" dirty="0"/>
            </a:p>
          </p:txBody>
        </p:sp>
        <p:sp>
          <p:nvSpPr>
            <p:cNvPr id="20" name="Freihandform: Form 19">
              <a:extLst>
                <a:ext uri="{FF2B5EF4-FFF2-40B4-BE49-F238E27FC236}">
                  <a16:creationId xmlns:a16="http://schemas.microsoft.com/office/drawing/2014/main" id="{63D57851-1743-2AEB-2BCF-45AD1A703E3D}"/>
                </a:ext>
              </a:extLst>
            </p:cNvPr>
            <p:cNvSpPr/>
            <p:nvPr/>
          </p:nvSpPr>
          <p:spPr>
            <a:xfrm flipH="1">
              <a:off x="8192582" y="4295200"/>
              <a:ext cx="3087187" cy="1498159"/>
            </a:xfrm>
            <a:custGeom>
              <a:avLst/>
              <a:gdLst>
                <a:gd name="connsiteX0" fmla="*/ 0 w 3918857"/>
                <a:gd name="connsiteY0" fmla="*/ 1498159 h 1498159"/>
                <a:gd name="connsiteX1" fmla="*/ 568234 w 3918857"/>
                <a:gd name="connsiteY1" fmla="*/ 1165057 h 1498159"/>
                <a:gd name="connsiteX2" fmla="*/ 1018903 w 3918857"/>
                <a:gd name="connsiteY2" fmla="*/ 8994 h 1498159"/>
                <a:gd name="connsiteX3" fmla="*/ 1737360 w 3918857"/>
                <a:gd name="connsiteY3" fmla="*/ 629479 h 1498159"/>
                <a:gd name="connsiteX4" fmla="*/ 2351314 w 3918857"/>
                <a:gd name="connsiteY4" fmla="*/ 655605 h 1498159"/>
                <a:gd name="connsiteX5" fmla="*/ 2815046 w 3918857"/>
                <a:gd name="connsiteY5" fmla="*/ 1197714 h 1498159"/>
                <a:gd name="connsiteX6" fmla="*/ 3429000 w 3918857"/>
                <a:gd name="connsiteY6" fmla="*/ 1034428 h 1498159"/>
                <a:gd name="connsiteX7" fmla="*/ 3918857 w 3918857"/>
                <a:gd name="connsiteY7" fmla="*/ 1295685 h 1498159"/>
                <a:gd name="connsiteX8" fmla="*/ 3918857 w 3918857"/>
                <a:gd name="connsiteY8" fmla="*/ 1295685 h 149815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3918857" h="1498159">
                  <a:moveTo>
                    <a:pt x="0" y="1498159"/>
                  </a:moveTo>
                  <a:cubicBezTo>
                    <a:pt x="199208" y="1455705"/>
                    <a:pt x="398417" y="1413251"/>
                    <a:pt x="568234" y="1165057"/>
                  </a:cubicBezTo>
                  <a:cubicBezTo>
                    <a:pt x="738051" y="916863"/>
                    <a:pt x="824049" y="98257"/>
                    <a:pt x="1018903" y="8994"/>
                  </a:cubicBezTo>
                  <a:cubicBezTo>
                    <a:pt x="1213757" y="-80269"/>
                    <a:pt x="1515292" y="521711"/>
                    <a:pt x="1737360" y="629479"/>
                  </a:cubicBezTo>
                  <a:cubicBezTo>
                    <a:pt x="1959428" y="737247"/>
                    <a:pt x="2171700" y="560899"/>
                    <a:pt x="2351314" y="655605"/>
                  </a:cubicBezTo>
                  <a:cubicBezTo>
                    <a:pt x="2530928" y="750311"/>
                    <a:pt x="2635432" y="1134577"/>
                    <a:pt x="2815046" y="1197714"/>
                  </a:cubicBezTo>
                  <a:cubicBezTo>
                    <a:pt x="2994660" y="1260851"/>
                    <a:pt x="3245031" y="1018099"/>
                    <a:pt x="3429000" y="1034428"/>
                  </a:cubicBezTo>
                  <a:cubicBezTo>
                    <a:pt x="3612969" y="1050757"/>
                    <a:pt x="3918857" y="1295685"/>
                    <a:pt x="3918857" y="1295685"/>
                  </a:cubicBezTo>
                  <a:lnTo>
                    <a:pt x="3918857" y="1295685"/>
                  </a:lnTo>
                </a:path>
              </a:pathLst>
            </a:custGeom>
            <a:noFill/>
            <a:ln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sp>
          <p:nvSpPr>
            <p:cNvPr id="8" name="Textfeld 7">
              <a:extLst>
                <a:ext uri="{FF2B5EF4-FFF2-40B4-BE49-F238E27FC236}">
                  <a16:creationId xmlns:a16="http://schemas.microsoft.com/office/drawing/2014/main" id="{2740D9FA-38F9-97DB-491A-90EDE69676D6}"/>
                </a:ext>
              </a:extLst>
            </p:cNvPr>
            <p:cNvSpPr txBox="1"/>
            <p:nvPr/>
          </p:nvSpPr>
          <p:spPr>
            <a:xfrm>
              <a:off x="9274898" y="3364706"/>
              <a:ext cx="922560" cy="33855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600" dirty="0">
                  <a:solidFill>
                    <a:schemeClr val="bg1"/>
                  </a:solidFill>
                  <a:latin typeface="+mn-lt"/>
                </a:rPr>
                <a:t>negative</a:t>
              </a:r>
            </a:p>
          </p:txBody>
        </p:sp>
      </p:grpSp>
      <p:cxnSp>
        <p:nvCxnSpPr>
          <p:cNvPr id="9" name="Gerader Verbinder 8">
            <a:extLst>
              <a:ext uri="{FF2B5EF4-FFF2-40B4-BE49-F238E27FC236}">
                <a16:creationId xmlns:a16="http://schemas.microsoft.com/office/drawing/2014/main" id="{B7BD61EC-6C7E-D427-BCC3-6A4FECCE1067}"/>
              </a:ext>
            </a:extLst>
          </p:cNvPr>
          <p:cNvCxnSpPr>
            <a:cxnSpLocks/>
          </p:cNvCxnSpPr>
          <p:nvPr/>
        </p:nvCxnSpPr>
        <p:spPr>
          <a:xfrm flipV="1">
            <a:off x="2006600" y="5793377"/>
            <a:ext cx="6174371" cy="6500"/>
          </a:xfrm>
          <a:prstGeom prst="line">
            <a:avLst/>
          </a:prstGeom>
          <a:ln w="254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5" name="Gerade Verbindung mit Pfeil 14">
            <a:extLst>
              <a:ext uri="{FF2B5EF4-FFF2-40B4-BE49-F238E27FC236}">
                <a16:creationId xmlns:a16="http://schemas.microsoft.com/office/drawing/2014/main" id="{F9500CCD-94A1-461A-F508-24CA506359EC}"/>
              </a:ext>
            </a:extLst>
          </p:cNvPr>
          <p:cNvCxnSpPr>
            <a:cxnSpLocks/>
          </p:cNvCxnSpPr>
          <p:nvPr/>
        </p:nvCxnSpPr>
        <p:spPr>
          <a:xfrm>
            <a:off x="2006600" y="2854234"/>
            <a:ext cx="6185256" cy="0"/>
          </a:xfrm>
          <a:prstGeom prst="straightConnector1">
            <a:avLst/>
          </a:prstGeom>
          <a:ln>
            <a:solidFill>
              <a:schemeClr val="tx2"/>
            </a:solidFill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Textfeld 15">
            <a:extLst>
              <a:ext uri="{FF2B5EF4-FFF2-40B4-BE49-F238E27FC236}">
                <a16:creationId xmlns:a16="http://schemas.microsoft.com/office/drawing/2014/main" id="{01C0DD9B-34BE-9636-ECFD-892480AEE3E0}"/>
              </a:ext>
            </a:extLst>
          </p:cNvPr>
          <p:cNvSpPr txBox="1"/>
          <p:nvPr/>
        </p:nvSpPr>
        <p:spPr>
          <a:xfrm>
            <a:off x="4579695" y="2487075"/>
            <a:ext cx="1039067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1600" dirty="0" err="1">
                <a:latin typeface="+mn-lt"/>
              </a:rPr>
              <a:t>two-sided</a:t>
            </a:r>
            <a:endParaRPr lang="de-DE" sz="16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8654774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hteck 12">
            <a:extLst>
              <a:ext uri="{FF2B5EF4-FFF2-40B4-BE49-F238E27FC236}">
                <a16:creationId xmlns:a16="http://schemas.microsoft.com/office/drawing/2014/main" id="{CA4414CD-0A32-1919-83B0-F66A2A715220}"/>
              </a:ext>
            </a:extLst>
          </p:cNvPr>
          <p:cNvSpPr/>
          <p:nvPr/>
        </p:nvSpPr>
        <p:spPr>
          <a:xfrm>
            <a:off x="5104669" y="3069771"/>
            <a:ext cx="3087187" cy="2723588"/>
          </a:xfrm>
          <a:prstGeom prst="rect">
            <a:avLst/>
          </a:prstGeom>
          <a:solidFill>
            <a:schemeClr val="accent6">
              <a:lumMod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18D59F2A-E4FD-5FC9-AE3C-87DAE95DEB7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7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80F1F566-26AD-2486-BB4C-C7F528A2668E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r>
              <a:rPr lang="de-DE" dirty="0" err="1"/>
              <a:t>One-sided</a:t>
            </a:r>
            <a:r>
              <a:rPr lang="de-DE" dirty="0"/>
              <a:t> and </a:t>
            </a:r>
            <a:r>
              <a:rPr lang="de-DE" dirty="0" err="1"/>
              <a:t>two-sided</a:t>
            </a:r>
            <a:r>
              <a:rPr lang="de-DE" dirty="0"/>
              <a:t> FFT</a:t>
            </a:r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B799FD0E-1220-19C1-E08A-9F9C346F6E3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Practical</a:t>
            </a:r>
            <a:r>
              <a:rPr lang="de-DE" dirty="0"/>
              <a:t> </a:t>
            </a:r>
            <a:r>
              <a:rPr lang="de-DE" dirty="0" err="1"/>
              <a:t>Issues</a:t>
            </a:r>
            <a:r>
              <a:rPr lang="de-DE" dirty="0"/>
              <a:t>: </a:t>
            </a:r>
            <a:r>
              <a:rPr lang="de-DE" dirty="0" err="1"/>
              <a:t>one</a:t>
            </a:r>
            <a:r>
              <a:rPr lang="de-DE" dirty="0"/>
              <a:t>- / </a:t>
            </a:r>
            <a:r>
              <a:rPr lang="de-DE" dirty="0" err="1"/>
              <a:t>two-sided</a:t>
            </a:r>
            <a:r>
              <a:rPr lang="de-DE" dirty="0"/>
              <a:t> FFT</a:t>
            </a:r>
          </a:p>
        </p:txBody>
      </p:sp>
      <p:cxnSp>
        <p:nvCxnSpPr>
          <p:cNvPr id="12" name="Gerader Verbinder 11">
            <a:extLst>
              <a:ext uri="{FF2B5EF4-FFF2-40B4-BE49-F238E27FC236}">
                <a16:creationId xmlns:a16="http://schemas.microsoft.com/office/drawing/2014/main" id="{D4FCA746-756F-6889-FD29-A4739D38F83C}"/>
              </a:ext>
            </a:extLst>
          </p:cNvPr>
          <p:cNvCxnSpPr>
            <a:cxnSpLocks/>
          </p:cNvCxnSpPr>
          <p:nvPr/>
        </p:nvCxnSpPr>
        <p:spPr>
          <a:xfrm>
            <a:off x="5104669" y="3076289"/>
            <a:ext cx="0" cy="2723606"/>
          </a:xfrm>
          <a:prstGeom prst="line">
            <a:avLst/>
          </a:prstGeom>
          <a:ln w="25400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Freihandform: Form 18">
            <a:extLst>
              <a:ext uri="{FF2B5EF4-FFF2-40B4-BE49-F238E27FC236}">
                <a16:creationId xmlns:a16="http://schemas.microsoft.com/office/drawing/2014/main" id="{2D7AD6BE-9BD4-98AC-4511-081525063834}"/>
              </a:ext>
            </a:extLst>
          </p:cNvPr>
          <p:cNvSpPr/>
          <p:nvPr/>
        </p:nvSpPr>
        <p:spPr>
          <a:xfrm>
            <a:off x="5103940" y="4295200"/>
            <a:ext cx="3088277" cy="1498159"/>
          </a:xfrm>
          <a:custGeom>
            <a:avLst/>
            <a:gdLst>
              <a:gd name="connsiteX0" fmla="*/ 0 w 3918857"/>
              <a:gd name="connsiteY0" fmla="*/ 1498159 h 1498159"/>
              <a:gd name="connsiteX1" fmla="*/ 568234 w 3918857"/>
              <a:gd name="connsiteY1" fmla="*/ 1165057 h 1498159"/>
              <a:gd name="connsiteX2" fmla="*/ 1018903 w 3918857"/>
              <a:gd name="connsiteY2" fmla="*/ 8994 h 1498159"/>
              <a:gd name="connsiteX3" fmla="*/ 1737360 w 3918857"/>
              <a:gd name="connsiteY3" fmla="*/ 629479 h 1498159"/>
              <a:gd name="connsiteX4" fmla="*/ 2351314 w 3918857"/>
              <a:gd name="connsiteY4" fmla="*/ 655605 h 1498159"/>
              <a:gd name="connsiteX5" fmla="*/ 2815046 w 3918857"/>
              <a:gd name="connsiteY5" fmla="*/ 1197714 h 1498159"/>
              <a:gd name="connsiteX6" fmla="*/ 3429000 w 3918857"/>
              <a:gd name="connsiteY6" fmla="*/ 1034428 h 1498159"/>
              <a:gd name="connsiteX7" fmla="*/ 3918857 w 3918857"/>
              <a:gd name="connsiteY7" fmla="*/ 1295685 h 1498159"/>
              <a:gd name="connsiteX8" fmla="*/ 3918857 w 3918857"/>
              <a:gd name="connsiteY8" fmla="*/ 1295685 h 149815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3918857" h="1498159">
                <a:moveTo>
                  <a:pt x="0" y="1498159"/>
                </a:moveTo>
                <a:cubicBezTo>
                  <a:pt x="199208" y="1455705"/>
                  <a:pt x="398417" y="1413251"/>
                  <a:pt x="568234" y="1165057"/>
                </a:cubicBezTo>
                <a:cubicBezTo>
                  <a:pt x="738051" y="916863"/>
                  <a:pt x="824049" y="98257"/>
                  <a:pt x="1018903" y="8994"/>
                </a:cubicBezTo>
                <a:cubicBezTo>
                  <a:pt x="1213757" y="-80269"/>
                  <a:pt x="1515292" y="521711"/>
                  <a:pt x="1737360" y="629479"/>
                </a:cubicBezTo>
                <a:cubicBezTo>
                  <a:pt x="1959428" y="737247"/>
                  <a:pt x="2171700" y="560899"/>
                  <a:pt x="2351314" y="655605"/>
                </a:cubicBezTo>
                <a:cubicBezTo>
                  <a:pt x="2530928" y="750311"/>
                  <a:pt x="2635432" y="1134577"/>
                  <a:pt x="2815046" y="1197714"/>
                </a:cubicBezTo>
                <a:cubicBezTo>
                  <a:pt x="2994660" y="1260851"/>
                  <a:pt x="3245031" y="1018099"/>
                  <a:pt x="3429000" y="1034428"/>
                </a:cubicBezTo>
                <a:cubicBezTo>
                  <a:pt x="3612969" y="1050757"/>
                  <a:pt x="3918857" y="1295685"/>
                  <a:pt x="3918857" y="1295685"/>
                </a:cubicBezTo>
                <a:lnTo>
                  <a:pt x="3918857" y="1295685"/>
                </a:lnTo>
              </a:path>
            </a:pathLst>
          </a:cu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cxnSp>
        <p:nvCxnSpPr>
          <p:cNvPr id="17" name="Gerader Verbinder 16">
            <a:extLst>
              <a:ext uri="{FF2B5EF4-FFF2-40B4-BE49-F238E27FC236}">
                <a16:creationId xmlns:a16="http://schemas.microsoft.com/office/drawing/2014/main" id="{169E3E88-41A6-7909-7D00-D6470A03198C}"/>
              </a:ext>
            </a:extLst>
          </p:cNvPr>
          <p:cNvCxnSpPr>
            <a:cxnSpLocks/>
          </p:cNvCxnSpPr>
          <p:nvPr/>
        </p:nvCxnSpPr>
        <p:spPr>
          <a:xfrm>
            <a:off x="8192585" y="3076289"/>
            <a:ext cx="0" cy="2684427"/>
          </a:xfrm>
          <a:prstGeom prst="line">
            <a:avLst/>
          </a:prstGeom>
          <a:ln w="63500"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Textfeld 20">
            <a:extLst>
              <a:ext uri="{FF2B5EF4-FFF2-40B4-BE49-F238E27FC236}">
                <a16:creationId xmlns:a16="http://schemas.microsoft.com/office/drawing/2014/main" id="{4A426723-2A88-F4E0-1863-F60C253D03AD}"/>
              </a:ext>
            </a:extLst>
          </p:cNvPr>
          <p:cNvSpPr txBox="1"/>
          <p:nvPr/>
        </p:nvSpPr>
        <p:spPr>
          <a:xfrm>
            <a:off x="7740688" y="5799877"/>
            <a:ext cx="1040221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DE" sz="1600" dirty="0" err="1">
                <a:solidFill>
                  <a:srgbClr val="FFC000"/>
                </a:solidFill>
                <a:latin typeface="+mn-lt"/>
              </a:rPr>
              <a:t>Nyquist</a:t>
            </a:r>
            <a:br>
              <a:rPr lang="de-DE" sz="1600" dirty="0">
                <a:solidFill>
                  <a:srgbClr val="FFC000"/>
                </a:solidFill>
                <a:latin typeface="+mn-lt"/>
              </a:rPr>
            </a:br>
            <a:r>
              <a:rPr lang="de-DE" sz="1600" dirty="0" err="1">
                <a:solidFill>
                  <a:srgbClr val="FFC000"/>
                </a:solidFill>
                <a:latin typeface="+mn-lt"/>
              </a:rPr>
              <a:t>frequency</a:t>
            </a:r>
            <a:endParaRPr lang="de-DE" sz="1600" dirty="0">
              <a:solidFill>
                <a:srgbClr val="FFC000"/>
              </a:solidFill>
              <a:latin typeface="+mn-lt"/>
            </a:endParaRPr>
          </a:p>
        </p:txBody>
      </p:sp>
      <p:sp>
        <p:nvSpPr>
          <p:cNvPr id="5" name="Textfeld 4">
            <a:extLst>
              <a:ext uri="{FF2B5EF4-FFF2-40B4-BE49-F238E27FC236}">
                <a16:creationId xmlns:a16="http://schemas.microsoft.com/office/drawing/2014/main" id="{F0DCD811-993B-980C-C226-D9084758A35A}"/>
              </a:ext>
            </a:extLst>
          </p:cNvPr>
          <p:cNvSpPr txBox="1"/>
          <p:nvPr/>
        </p:nvSpPr>
        <p:spPr>
          <a:xfrm>
            <a:off x="4956014" y="5834865"/>
            <a:ext cx="54373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latin typeface="+mn-lt"/>
              </a:rPr>
              <a:t>K=0</a:t>
            </a:r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F6C16590-2DB7-AEA5-B60C-31297843AB41}"/>
              </a:ext>
            </a:extLst>
          </p:cNvPr>
          <p:cNvSpPr txBox="1"/>
          <p:nvPr/>
        </p:nvSpPr>
        <p:spPr>
          <a:xfrm>
            <a:off x="6215034" y="3364706"/>
            <a:ext cx="866456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solidFill>
                  <a:schemeClr val="bg1"/>
                </a:solidFill>
                <a:latin typeface="+mn-lt"/>
              </a:rPr>
              <a:t>positive</a:t>
            </a:r>
          </a:p>
        </p:txBody>
      </p:sp>
      <p:cxnSp>
        <p:nvCxnSpPr>
          <p:cNvPr id="9" name="Gerader Verbinder 8">
            <a:extLst>
              <a:ext uri="{FF2B5EF4-FFF2-40B4-BE49-F238E27FC236}">
                <a16:creationId xmlns:a16="http://schemas.microsoft.com/office/drawing/2014/main" id="{B7BD61EC-6C7E-D427-BCC3-6A4FECCE1067}"/>
              </a:ext>
            </a:extLst>
          </p:cNvPr>
          <p:cNvCxnSpPr>
            <a:cxnSpLocks/>
            <a:stCxn id="19" idx="0"/>
          </p:cNvCxnSpPr>
          <p:nvPr/>
        </p:nvCxnSpPr>
        <p:spPr>
          <a:xfrm>
            <a:off x="5103940" y="5793359"/>
            <a:ext cx="3077031" cy="18"/>
          </a:xfrm>
          <a:prstGeom prst="line">
            <a:avLst/>
          </a:prstGeom>
          <a:ln w="2540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5" name="Gerade Verbindung mit Pfeil 14">
            <a:extLst>
              <a:ext uri="{FF2B5EF4-FFF2-40B4-BE49-F238E27FC236}">
                <a16:creationId xmlns:a16="http://schemas.microsoft.com/office/drawing/2014/main" id="{F9500CCD-94A1-461A-F508-24CA506359EC}"/>
              </a:ext>
            </a:extLst>
          </p:cNvPr>
          <p:cNvCxnSpPr>
            <a:cxnSpLocks/>
          </p:cNvCxnSpPr>
          <p:nvPr/>
        </p:nvCxnSpPr>
        <p:spPr>
          <a:xfrm>
            <a:off x="5103940" y="2854234"/>
            <a:ext cx="3087916" cy="0"/>
          </a:xfrm>
          <a:prstGeom prst="straightConnector1">
            <a:avLst/>
          </a:prstGeom>
          <a:ln>
            <a:solidFill>
              <a:schemeClr val="tx2"/>
            </a:solidFill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Textfeld 15">
            <a:extLst>
              <a:ext uri="{FF2B5EF4-FFF2-40B4-BE49-F238E27FC236}">
                <a16:creationId xmlns:a16="http://schemas.microsoft.com/office/drawing/2014/main" id="{01C0DD9B-34BE-9636-ECFD-892480AEE3E0}"/>
              </a:ext>
            </a:extLst>
          </p:cNvPr>
          <p:cNvSpPr txBox="1"/>
          <p:nvPr/>
        </p:nvSpPr>
        <p:spPr>
          <a:xfrm>
            <a:off x="6128365" y="2474947"/>
            <a:ext cx="1039067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1600" dirty="0" err="1">
                <a:latin typeface="+mn-lt"/>
              </a:rPr>
              <a:t>one-sided</a:t>
            </a:r>
            <a:endParaRPr lang="de-DE" sz="1600" dirty="0">
              <a:latin typeface="+mn-lt"/>
            </a:endParaRPr>
          </a:p>
        </p:txBody>
      </p:sp>
      <p:sp>
        <p:nvSpPr>
          <p:cNvPr id="18" name="Rechteck 17">
            <a:extLst>
              <a:ext uri="{FF2B5EF4-FFF2-40B4-BE49-F238E27FC236}">
                <a16:creationId xmlns:a16="http://schemas.microsoft.com/office/drawing/2014/main" id="{0F027074-95B5-9488-4F49-264FB555E985}"/>
              </a:ext>
            </a:extLst>
          </p:cNvPr>
          <p:cNvSpPr/>
          <p:nvPr/>
        </p:nvSpPr>
        <p:spPr>
          <a:xfrm>
            <a:off x="2267262" y="4712387"/>
            <a:ext cx="899249" cy="1028622"/>
          </a:xfrm>
          <a:prstGeom prst="rect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22" name="Rechteck 21">
            <a:extLst>
              <a:ext uri="{FF2B5EF4-FFF2-40B4-BE49-F238E27FC236}">
                <a16:creationId xmlns:a16="http://schemas.microsoft.com/office/drawing/2014/main" id="{8111E0B0-5327-DE8D-EB6A-50A19DD6D72F}"/>
              </a:ext>
            </a:extLst>
          </p:cNvPr>
          <p:cNvSpPr/>
          <p:nvPr/>
        </p:nvSpPr>
        <p:spPr>
          <a:xfrm>
            <a:off x="1368011" y="4715902"/>
            <a:ext cx="899251" cy="1028622"/>
          </a:xfrm>
          <a:prstGeom prst="rect">
            <a:avLst/>
          </a:prstGeom>
          <a:solidFill>
            <a:schemeClr val="accent6">
              <a:lumMod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23" name="Textfeld 22">
            <a:extLst>
              <a:ext uri="{FF2B5EF4-FFF2-40B4-BE49-F238E27FC236}">
                <a16:creationId xmlns:a16="http://schemas.microsoft.com/office/drawing/2014/main" id="{73193333-8482-3CCD-79F9-1910AC09ADF4}"/>
              </a:ext>
            </a:extLst>
          </p:cNvPr>
          <p:cNvSpPr txBox="1"/>
          <p:nvPr/>
        </p:nvSpPr>
        <p:spPr>
          <a:xfrm>
            <a:off x="199317" y="2465936"/>
            <a:ext cx="208198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DE" sz="1600" dirty="0" err="1">
                <a:solidFill>
                  <a:srgbClr val="FFC000"/>
                </a:solidFill>
                <a:latin typeface="+mn-lt"/>
              </a:rPr>
              <a:t>Nyquist</a:t>
            </a:r>
            <a:r>
              <a:rPr lang="de-DE" sz="1600" dirty="0">
                <a:solidFill>
                  <a:srgbClr val="FFC000"/>
                </a:solidFill>
                <a:latin typeface="+mn-lt"/>
              </a:rPr>
              <a:t> </a:t>
            </a:r>
            <a:r>
              <a:rPr lang="de-DE" sz="1600" dirty="0" err="1">
                <a:solidFill>
                  <a:srgbClr val="FFC000"/>
                </a:solidFill>
                <a:latin typeface="+mn-lt"/>
              </a:rPr>
              <a:t>frequency</a:t>
            </a:r>
            <a:r>
              <a:rPr lang="de-DE" sz="1600" dirty="0">
                <a:solidFill>
                  <a:srgbClr val="FFC000"/>
                </a:solidFill>
                <a:latin typeface="+mn-lt"/>
              </a:rPr>
              <a:t>:</a:t>
            </a:r>
          </a:p>
        </p:txBody>
      </p:sp>
      <p:pic>
        <p:nvPicPr>
          <p:cNvPr id="24" name="Grafik 23">
            <a:extLst>
              <a:ext uri="{FF2B5EF4-FFF2-40B4-BE49-F238E27FC236}">
                <a16:creationId xmlns:a16="http://schemas.microsoft.com/office/drawing/2014/main" id="{06D2F02A-2682-2E8C-FAD9-0F41041827C0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2368" y="2804490"/>
            <a:ext cx="1352700" cy="281972"/>
          </a:xfrm>
          <a:prstGeom prst="rect">
            <a:avLst/>
          </a:prstGeom>
        </p:spPr>
      </p:pic>
      <p:sp>
        <p:nvSpPr>
          <p:cNvPr id="25" name="Textfeld 24">
            <a:extLst>
              <a:ext uri="{FF2B5EF4-FFF2-40B4-BE49-F238E27FC236}">
                <a16:creationId xmlns:a16="http://schemas.microsoft.com/office/drawing/2014/main" id="{B558CF03-F807-C279-A763-9DDC078C4E85}"/>
              </a:ext>
            </a:extLst>
          </p:cNvPr>
          <p:cNvSpPr txBox="1"/>
          <p:nvPr/>
        </p:nvSpPr>
        <p:spPr>
          <a:xfrm>
            <a:off x="257930" y="3284792"/>
            <a:ext cx="3856248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 err="1">
                <a:latin typeface="+mn-lt"/>
              </a:rPr>
              <a:t>Nyquist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frequency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is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the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highest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frequency</a:t>
            </a:r>
            <a:br>
              <a:rPr lang="de-DE" sz="1600" dirty="0">
                <a:latin typeface="+mn-lt"/>
              </a:rPr>
            </a:br>
            <a:r>
              <a:rPr lang="de-DE" sz="1600" dirty="0" err="1">
                <a:latin typeface="+mn-lt"/>
              </a:rPr>
              <a:t>which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can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be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measured</a:t>
            </a:r>
            <a:r>
              <a:rPr lang="de-DE" sz="1600" dirty="0">
                <a:latin typeface="+mn-lt"/>
              </a:rPr>
              <a:t> / </a:t>
            </a:r>
            <a:r>
              <a:rPr lang="de-DE" sz="1600" dirty="0" err="1">
                <a:latin typeface="+mn-lt"/>
              </a:rPr>
              <a:t>detected</a:t>
            </a:r>
            <a:r>
              <a:rPr lang="de-DE" sz="1600" dirty="0">
                <a:latin typeface="+mn-lt"/>
              </a:rPr>
              <a:t> in </a:t>
            </a:r>
            <a:r>
              <a:rPr lang="de-DE" sz="1600" dirty="0" err="1">
                <a:latin typeface="+mn-lt"/>
              </a:rPr>
              <a:t>the</a:t>
            </a:r>
            <a:endParaRPr lang="de-DE" sz="1600" dirty="0">
              <a:latin typeface="+mn-lt"/>
            </a:endParaRPr>
          </a:p>
          <a:p>
            <a:r>
              <a:rPr lang="de-DE" sz="1600" dirty="0" err="1">
                <a:latin typeface="+mn-lt"/>
              </a:rPr>
              <a:t>sampled</a:t>
            </a:r>
            <a:r>
              <a:rPr lang="de-DE" sz="1600" dirty="0">
                <a:latin typeface="+mn-lt"/>
              </a:rPr>
              <a:t> </a:t>
            </a:r>
            <a:r>
              <a:rPr lang="de-DE" sz="1600" dirty="0" err="1">
                <a:latin typeface="+mn-lt"/>
              </a:rPr>
              <a:t>data</a:t>
            </a:r>
            <a:endParaRPr lang="de-DE" sz="1600" dirty="0">
              <a:latin typeface="+mn-lt"/>
            </a:endParaRPr>
          </a:p>
        </p:txBody>
      </p:sp>
      <p:cxnSp>
        <p:nvCxnSpPr>
          <p:cNvPr id="26" name="Gerade Verbindung mit Pfeil 25">
            <a:extLst>
              <a:ext uri="{FF2B5EF4-FFF2-40B4-BE49-F238E27FC236}">
                <a16:creationId xmlns:a16="http://schemas.microsoft.com/office/drawing/2014/main" id="{3638E25A-0434-236A-CC91-84779D5A556F}"/>
              </a:ext>
            </a:extLst>
          </p:cNvPr>
          <p:cNvCxnSpPr/>
          <p:nvPr/>
        </p:nvCxnSpPr>
        <p:spPr>
          <a:xfrm>
            <a:off x="1253859" y="5746192"/>
            <a:ext cx="2135777" cy="0"/>
          </a:xfrm>
          <a:prstGeom prst="straightConnector1">
            <a:avLst/>
          </a:prstGeom>
          <a:ln w="19050"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Gerade Verbindung mit Pfeil 26">
            <a:extLst>
              <a:ext uri="{FF2B5EF4-FFF2-40B4-BE49-F238E27FC236}">
                <a16:creationId xmlns:a16="http://schemas.microsoft.com/office/drawing/2014/main" id="{A7E521F1-9A63-4CAA-7750-09C861BD86C8}"/>
              </a:ext>
            </a:extLst>
          </p:cNvPr>
          <p:cNvCxnSpPr>
            <a:cxnSpLocks/>
          </p:cNvCxnSpPr>
          <p:nvPr/>
        </p:nvCxnSpPr>
        <p:spPr>
          <a:xfrm flipV="1">
            <a:off x="1262568" y="4700135"/>
            <a:ext cx="0" cy="1046057"/>
          </a:xfrm>
          <a:prstGeom prst="straightConnector1">
            <a:avLst/>
          </a:prstGeom>
          <a:ln w="19050"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Textfeld 27">
            <a:extLst>
              <a:ext uri="{FF2B5EF4-FFF2-40B4-BE49-F238E27FC236}">
                <a16:creationId xmlns:a16="http://schemas.microsoft.com/office/drawing/2014/main" id="{AB25CDB6-FF92-73A1-00D6-FF54D322F774}"/>
              </a:ext>
            </a:extLst>
          </p:cNvPr>
          <p:cNvSpPr txBox="1"/>
          <p:nvPr/>
        </p:nvSpPr>
        <p:spPr>
          <a:xfrm>
            <a:off x="1135770" y="5738512"/>
            <a:ext cx="954107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000" dirty="0">
                <a:latin typeface="+mn-lt"/>
              </a:rPr>
              <a:t>0     1    2    . . . </a:t>
            </a:r>
          </a:p>
        </p:txBody>
      </p:sp>
      <p:sp>
        <p:nvSpPr>
          <p:cNvPr id="29" name="Textfeld 28">
            <a:extLst>
              <a:ext uri="{FF2B5EF4-FFF2-40B4-BE49-F238E27FC236}">
                <a16:creationId xmlns:a16="http://schemas.microsoft.com/office/drawing/2014/main" id="{6033B3E4-55CD-940E-C31A-0AB268DE67A7}"/>
              </a:ext>
            </a:extLst>
          </p:cNvPr>
          <p:cNvSpPr txBox="1"/>
          <p:nvPr/>
        </p:nvSpPr>
        <p:spPr>
          <a:xfrm>
            <a:off x="2889110" y="5760582"/>
            <a:ext cx="373820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000" dirty="0">
                <a:latin typeface="+mn-lt"/>
              </a:rPr>
              <a:t>N-1</a:t>
            </a:r>
          </a:p>
        </p:txBody>
      </p:sp>
      <p:sp>
        <p:nvSpPr>
          <p:cNvPr id="30" name="Textfeld 29">
            <a:extLst>
              <a:ext uri="{FF2B5EF4-FFF2-40B4-BE49-F238E27FC236}">
                <a16:creationId xmlns:a16="http://schemas.microsoft.com/office/drawing/2014/main" id="{71392C6E-6A04-3012-F715-88B5E2B17842}"/>
              </a:ext>
            </a:extLst>
          </p:cNvPr>
          <p:cNvSpPr txBox="1"/>
          <p:nvPr/>
        </p:nvSpPr>
        <p:spPr>
          <a:xfrm>
            <a:off x="3262930" y="5738511"/>
            <a:ext cx="248786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000" dirty="0">
                <a:latin typeface="+mn-lt"/>
              </a:rPr>
              <a:t>k</a:t>
            </a:r>
          </a:p>
        </p:txBody>
      </p:sp>
      <p:cxnSp>
        <p:nvCxnSpPr>
          <p:cNvPr id="31" name="Gerader Verbinder 30">
            <a:extLst>
              <a:ext uri="{FF2B5EF4-FFF2-40B4-BE49-F238E27FC236}">
                <a16:creationId xmlns:a16="http://schemas.microsoft.com/office/drawing/2014/main" id="{4B08460A-90B8-2DF7-EBDB-0F1E3A87CBC7}"/>
              </a:ext>
            </a:extLst>
          </p:cNvPr>
          <p:cNvCxnSpPr>
            <a:cxnSpLocks/>
          </p:cNvCxnSpPr>
          <p:nvPr/>
        </p:nvCxnSpPr>
        <p:spPr>
          <a:xfrm flipV="1">
            <a:off x="1264691" y="5438785"/>
            <a:ext cx="0" cy="299726"/>
          </a:xfrm>
          <a:prstGeom prst="line">
            <a:avLst/>
          </a:prstGeom>
          <a:ln w="15875">
            <a:solidFill>
              <a:srgbClr val="00B050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Gerader Verbinder 31">
            <a:extLst>
              <a:ext uri="{FF2B5EF4-FFF2-40B4-BE49-F238E27FC236}">
                <a16:creationId xmlns:a16="http://schemas.microsoft.com/office/drawing/2014/main" id="{2F5F0820-EF25-A7CF-01EE-421CF50B9875}"/>
              </a:ext>
            </a:extLst>
          </p:cNvPr>
          <p:cNvCxnSpPr>
            <a:cxnSpLocks/>
          </p:cNvCxnSpPr>
          <p:nvPr/>
        </p:nvCxnSpPr>
        <p:spPr>
          <a:xfrm flipV="1">
            <a:off x="1662109" y="5482314"/>
            <a:ext cx="0" cy="256197"/>
          </a:xfrm>
          <a:prstGeom prst="line">
            <a:avLst/>
          </a:prstGeom>
          <a:ln w="15875">
            <a:solidFill>
              <a:schemeClr val="accent6">
                <a:lumMod val="75000"/>
              </a:schemeClr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Gerader Verbinder 32">
            <a:extLst>
              <a:ext uri="{FF2B5EF4-FFF2-40B4-BE49-F238E27FC236}">
                <a16:creationId xmlns:a16="http://schemas.microsoft.com/office/drawing/2014/main" id="{13663F22-D5D0-3342-E3E6-4EE89219C9A7}"/>
              </a:ext>
            </a:extLst>
          </p:cNvPr>
          <p:cNvCxnSpPr>
            <a:cxnSpLocks/>
          </p:cNvCxnSpPr>
          <p:nvPr/>
        </p:nvCxnSpPr>
        <p:spPr>
          <a:xfrm flipV="1">
            <a:off x="1860818" y="5570579"/>
            <a:ext cx="0" cy="167932"/>
          </a:xfrm>
          <a:prstGeom prst="line">
            <a:avLst/>
          </a:prstGeom>
          <a:ln w="15875">
            <a:solidFill>
              <a:srgbClr val="7030A0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Gerader Verbinder 33">
            <a:extLst>
              <a:ext uri="{FF2B5EF4-FFF2-40B4-BE49-F238E27FC236}">
                <a16:creationId xmlns:a16="http://schemas.microsoft.com/office/drawing/2014/main" id="{47E2838E-D9F2-AD1D-47D5-F1EDF0855710}"/>
              </a:ext>
            </a:extLst>
          </p:cNvPr>
          <p:cNvCxnSpPr>
            <a:cxnSpLocks/>
          </p:cNvCxnSpPr>
          <p:nvPr/>
        </p:nvCxnSpPr>
        <p:spPr>
          <a:xfrm flipV="1">
            <a:off x="2059527" y="5505450"/>
            <a:ext cx="0" cy="233061"/>
          </a:xfrm>
          <a:prstGeom prst="line">
            <a:avLst/>
          </a:prstGeom>
          <a:ln w="15875">
            <a:solidFill>
              <a:schemeClr val="accent6">
                <a:lumMod val="50000"/>
              </a:schemeClr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Gerader Verbinder 34">
            <a:extLst>
              <a:ext uri="{FF2B5EF4-FFF2-40B4-BE49-F238E27FC236}">
                <a16:creationId xmlns:a16="http://schemas.microsoft.com/office/drawing/2014/main" id="{E40039BD-0A35-C001-8E87-DDA4903090A0}"/>
              </a:ext>
            </a:extLst>
          </p:cNvPr>
          <p:cNvCxnSpPr>
            <a:cxnSpLocks/>
          </p:cNvCxnSpPr>
          <p:nvPr/>
        </p:nvCxnSpPr>
        <p:spPr>
          <a:xfrm flipV="1">
            <a:off x="2258236" y="5645037"/>
            <a:ext cx="0" cy="93474"/>
          </a:xfrm>
          <a:prstGeom prst="line">
            <a:avLst/>
          </a:prstGeom>
          <a:ln w="15875">
            <a:solidFill>
              <a:srgbClr val="FFC000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Gerader Verbinder 35">
            <a:extLst>
              <a:ext uri="{FF2B5EF4-FFF2-40B4-BE49-F238E27FC236}">
                <a16:creationId xmlns:a16="http://schemas.microsoft.com/office/drawing/2014/main" id="{D0B2D578-0CA0-8135-26E5-91C4E2DDAF1D}"/>
              </a:ext>
            </a:extLst>
          </p:cNvPr>
          <p:cNvCxnSpPr>
            <a:cxnSpLocks/>
          </p:cNvCxnSpPr>
          <p:nvPr/>
        </p:nvCxnSpPr>
        <p:spPr>
          <a:xfrm flipV="1">
            <a:off x="1463400" y="4786989"/>
            <a:ext cx="0" cy="951522"/>
          </a:xfrm>
          <a:prstGeom prst="line">
            <a:avLst/>
          </a:prstGeom>
          <a:ln w="15875">
            <a:solidFill>
              <a:schemeClr val="accent4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7" name="Grafik 36">
            <a:extLst>
              <a:ext uri="{FF2B5EF4-FFF2-40B4-BE49-F238E27FC236}">
                <a16:creationId xmlns:a16="http://schemas.microsoft.com/office/drawing/2014/main" id="{E39C040D-318A-A724-7B55-2703A759492D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8718" y="4464351"/>
            <a:ext cx="287700" cy="239107"/>
          </a:xfrm>
          <a:prstGeom prst="rect">
            <a:avLst/>
          </a:prstGeom>
        </p:spPr>
      </p:pic>
      <p:cxnSp>
        <p:nvCxnSpPr>
          <p:cNvPr id="38" name="Gerader Verbinder 37">
            <a:extLst>
              <a:ext uri="{FF2B5EF4-FFF2-40B4-BE49-F238E27FC236}">
                <a16:creationId xmlns:a16="http://schemas.microsoft.com/office/drawing/2014/main" id="{85F706DA-D565-F25B-C8FC-E986E364F26C}"/>
              </a:ext>
            </a:extLst>
          </p:cNvPr>
          <p:cNvCxnSpPr>
            <a:cxnSpLocks/>
          </p:cNvCxnSpPr>
          <p:nvPr/>
        </p:nvCxnSpPr>
        <p:spPr>
          <a:xfrm flipV="1">
            <a:off x="3053074" y="4786989"/>
            <a:ext cx="0" cy="951522"/>
          </a:xfrm>
          <a:prstGeom prst="line">
            <a:avLst/>
          </a:prstGeom>
          <a:ln w="15875">
            <a:solidFill>
              <a:schemeClr val="accent4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Gerader Verbinder 38">
            <a:extLst>
              <a:ext uri="{FF2B5EF4-FFF2-40B4-BE49-F238E27FC236}">
                <a16:creationId xmlns:a16="http://schemas.microsoft.com/office/drawing/2014/main" id="{83A8AA7F-FBD8-A5C2-BF9E-F96C51716707}"/>
              </a:ext>
            </a:extLst>
          </p:cNvPr>
          <p:cNvCxnSpPr>
            <a:cxnSpLocks/>
          </p:cNvCxnSpPr>
          <p:nvPr/>
        </p:nvCxnSpPr>
        <p:spPr>
          <a:xfrm flipV="1">
            <a:off x="2854363" y="5482314"/>
            <a:ext cx="0" cy="256197"/>
          </a:xfrm>
          <a:prstGeom prst="line">
            <a:avLst/>
          </a:prstGeom>
          <a:ln w="15875">
            <a:solidFill>
              <a:schemeClr val="accent6">
                <a:lumMod val="75000"/>
              </a:schemeClr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Gerader Verbinder 39">
            <a:extLst>
              <a:ext uri="{FF2B5EF4-FFF2-40B4-BE49-F238E27FC236}">
                <a16:creationId xmlns:a16="http://schemas.microsoft.com/office/drawing/2014/main" id="{CA8CDA15-5D94-7855-4952-45E935BE74BE}"/>
              </a:ext>
            </a:extLst>
          </p:cNvPr>
          <p:cNvCxnSpPr>
            <a:cxnSpLocks/>
          </p:cNvCxnSpPr>
          <p:nvPr/>
        </p:nvCxnSpPr>
        <p:spPr>
          <a:xfrm flipV="1">
            <a:off x="2655654" y="5570579"/>
            <a:ext cx="0" cy="167932"/>
          </a:xfrm>
          <a:prstGeom prst="line">
            <a:avLst/>
          </a:prstGeom>
          <a:ln w="15875">
            <a:solidFill>
              <a:srgbClr val="7030A0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Gerader Verbinder 40">
            <a:extLst>
              <a:ext uri="{FF2B5EF4-FFF2-40B4-BE49-F238E27FC236}">
                <a16:creationId xmlns:a16="http://schemas.microsoft.com/office/drawing/2014/main" id="{E7DB1485-8E8A-2E31-7278-1CFEB6F6DCBE}"/>
              </a:ext>
            </a:extLst>
          </p:cNvPr>
          <p:cNvCxnSpPr>
            <a:cxnSpLocks/>
          </p:cNvCxnSpPr>
          <p:nvPr/>
        </p:nvCxnSpPr>
        <p:spPr>
          <a:xfrm flipV="1">
            <a:off x="2456945" y="5505450"/>
            <a:ext cx="0" cy="228298"/>
          </a:xfrm>
          <a:prstGeom prst="line">
            <a:avLst/>
          </a:prstGeom>
          <a:ln w="15875">
            <a:solidFill>
              <a:schemeClr val="accent6">
                <a:lumMod val="50000"/>
              </a:schemeClr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" name="Textfeld 41">
            <a:extLst>
              <a:ext uri="{FF2B5EF4-FFF2-40B4-BE49-F238E27FC236}">
                <a16:creationId xmlns:a16="http://schemas.microsoft.com/office/drawing/2014/main" id="{BC8B1389-1B47-512D-365A-662031E0914F}"/>
              </a:ext>
            </a:extLst>
          </p:cNvPr>
          <p:cNvSpPr txBox="1"/>
          <p:nvPr/>
        </p:nvSpPr>
        <p:spPr>
          <a:xfrm>
            <a:off x="2136010" y="6092264"/>
            <a:ext cx="1019831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DE" sz="800" dirty="0" err="1">
                <a:latin typeface="+mn-lt"/>
              </a:rPr>
              <a:t>Nyquist-Frequency</a:t>
            </a:r>
            <a:r>
              <a:rPr lang="de-DE" sz="800" dirty="0">
                <a:latin typeface="+mn-lt"/>
              </a:rPr>
              <a:t>:</a:t>
            </a:r>
            <a:br>
              <a:rPr lang="de-DE" sz="800" dirty="0">
                <a:latin typeface="+mn-lt"/>
              </a:rPr>
            </a:br>
            <a:r>
              <a:rPr lang="de-DE" sz="800" dirty="0">
                <a:latin typeface="+mn-lt"/>
              </a:rPr>
              <a:t>k=N/2</a:t>
            </a:r>
          </a:p>
        </p:txBody>
      </p:sp>
      <p:cxnSp>
        <p:nvCxnSpPr>
          <p:cNvPr id="43" name="Gerader Verbinder 42">
            <a:extLst>
              <a:ext uri="{FF2B5EF4-FFF2-40B4-BE49-F238E27FC236}">
                <a16:creationId xmlns:a16="http://schemas.microsoft.com/office/drawing/2014/main" id="{94A61300-39AA-682F-8FBB-8C00DF6DF844}"/>
              </a:ext>
            </a:extLst>
          </p:cNvPr>
          <p:cNvCxnSpPr/>
          <p:nvPr/>
        </p:nvCxnSpPr>
        <p:spPr>
          <a:xfrm>
            <a:off x="2281306" y="5799877"/>
            <a:ext cx="175639" cy="338554"/>
          </a:xfrm>
          <a:prstGeom prst="line">
            <a:avLst/>
          </a:prstGeom>
          <a:ln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" name="Textfeld 43">
            <a:extLst>
              <a:ext uri="{FF2B5EF4-FFF2-40B4-BE49-F238E27FC236}">
                <a16:creationId xmlns:a16="http://schemas.microsoft.com/office/drawing/2014/main" id="{77F81130-C06F-9BCE-3317-605B6B7059D5}"/>
              </a:ext>
            </a:extLst>
          </p:cNvPr>
          <p:cNvSpPr txBox="1"/>
          <p:nvPr/>
        </p:nvSpPr>
        <p:spPr>
          <a:xfrm>
            <a:off x="255179" y="5057209"/>
            <a:ext cx="707245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DE" sz="800" dirty="0">
                <a:latin typeface="+mn-lt"/>
              </a:rPr>
              <a:t>Offset/Bias:</a:t>
            </a:r>
            <a:br>
              <a:rPr lang="de-DE" sz="800" dirty="0">
                <a:latin typeface="+mn-lt"/>
              </a:rPr>
            </a:br>
            <a:r>
              <a:rPr lang="de-DE" sz="800" dirty="0">
                <a:latin typeface="+mn-lt"/>
              </a:rPr>
              <a:t>k=0</a:t>
            </a:r>
          </a:p>
        </p:txBody>
      </p:sp>
      <p:cxnSp>
        <p:nvCxnSpPr>
          <p:cNvPr id="45" name="Gerader Verbinder 44">
            <a:extLst>
              <a:ext uri="{FF2B5EF4-FFF2-40B4-BE49-F238E27FC236}">
                <a16:creationId xmlns:a16="http://schemas.microsoft.com/office/drawing/2014/main" id="{EA3C4A5F-C783-C862-369A-3E2AFAE7C115}"/>
              </a:ext>
            </a:extLst>
          </p:cNvPr>
          <p:cNvCxnSpPr/>
          <p:nvPr/>
        </p:nvCxnSpPr>
        <p:spPr>
          <a:xfrm>
            <a:off x="795338" y="5262750"/>
            <a:ext cx="395287" cy="176035"/>
          </a:xfrm>
          <a:prstGeom prst="line">
            <a:avLst/>
          </a:prstGeom>
          <a:ln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" name="Textfeld 45">
            <a:extLst>
              <a:ext uri="{FF2B5EF4-FFF2-40B4-BE49-F238E27FC236}">
                <a16:creationId xmlns:a16="http://schemas.microsoft.com/office/drawing/2014/main" id="{F5A11BA4-D47E-111E-0E71-BB9F6306295C}"/>
              </a:ext>
            </a:extLst>
          </p:cNvPr>
          <p:cNvSpPr txBox="1"/>
          <p:nvPr/>
        </p:nvSpPr>
        <p:spPr>
          <a:xfrm>
            <a:off x="1511302" y="4935887"/>
            <a:ext cx="612668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000" dirty="0">
                <a:solidFill>
                  <a:schemeClr val="bg1"/>
                </a:solidFill>
                <a:latin typeface="+mn-lt"/>
              </a:rPr>
              <a:t>positive</a:t>
            </a:r>
          </a:p>
        </p:txBody>
      </p:sp>
      <p:sp>
        <p:nvSpPr>
          <p:cNvPr id="47" name="Textfeld 46">
            <a:extLst>
              <a:ext uri="{FF2B5EF4-FFF2-40B4-BE49-F238E27FC236}">
                <a16:creationId xmlns:a16="http://schemas.microsoft.com/office/drawing/2014/main" id="{C83C8F28-1F6B-8927-C682-FA34BF773585}"/>
              </a:ext>
            </a:extLst>
          </p:cNvPr>
          <p:cNvSpPr txBox="1"/>
          <p:nvPr/>
        </p:nvSpPr>
        <p:spPr>
          <a:xfrm>
            <a:off x="2392919" y="4935887"/>
            <a:ext cx="647934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000" dirty="0">
                <a:solidFill>
                  <a:schemeClr val="bg1"/>
                </a:solidFill>
                <a:latin typeface="+mn-lt"/>
              </a:rPr>
              <a:t>negative</a:t>
            </a:r>
          </a:p>
        </p:txBody>
      </p:sp>
    </p:spTree>
    <p:extLst>
      <p:ext uri="{BB962C8B-B14F-4D97-AF65-F5344CB8AC3E}">
        <p14:creationId xmlns:p14="http://schemas.microsoft.com/office/powerpoint/2010/main" val="2659072668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F0CFA929-450D-2E84-67F4-6FB16585D0C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8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569271E7-1DC3-3831-AF5E-6CC3C56820F8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846DAED9-F71E-66BC-6784-7F27588616F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Practical</a:t>
            </a:r>
            <a:r>
              <a:rPr lang="de-DE" dirty="0"/>
              <a:t> </a:t>
            </a:r>
            <a:r>
              <a:rPr lang="de-DE" dirty="0" err="1"/>
              <a:t>Issues</a:t>
            </a:r>
            <a:r>
              <a:rPr lang="de-DE" dirty="0"/>
              <a:t>: </a:t>
            </a:r>
            <a:r>
              <a:rPr lang="de-DE" dirty="0" err="1"/>
              <a:t>Frequency</a:t>
            </a:r>
            <a:r>
              <a:rPr lang="de-DE" dirty="0"/>
              <a:t> Resolution</a:t>
            </a:r>
          </a:p>
        </p:txBody>
      </p:sp>
      <p:grpSp>
        <p:nvGrpSpPr>
          <p:cNvPr id="15" name="Gruppieren 14">
            <a:extLst>
              <a:ext uri="{FF2B5EF4-FFF2-40B4-BE49-F238E27FC236}">
                <a16:creationId xmlns:a16="http://schemas.microsoft.com/office/drawing/2014/main" id="{3DC4868F-FAAE-C2F1-5953-810F7DC9DFEC}"/>
              </a:ext>
            </a:extLst>
          </p:cNvPr>
          <p:cNvGrpSpPr/>
          <p:nvPr/>
        </p:nvGrpSpPr>
        <p:grpSpPr>
          <a:xfrm>
            <a:off x="1169126" y="2474973"/>
            <a:ext cx="1495697" cy="1117227"/>
            <a:chOff x="5865223" y="2914038"/>
            <a:chExt cx="1495697" cy="1117227"/>
          </a:xfrm>
        </p:grpSpPr>
        <p:cxnSp>
          <p:nvCxnSpPr>
            <p:cNvPr id="7" name="Gerader Verbinder 6">
              <a:extLst>
                <a:ext uri="{FF2B5EF4-FFF2-40B4-BE49-F238E27FC236}">
                  <a16:creationId xmlns:a16="http://schemas.microsoft.com/office/drawing/2014/main" id="{37FD75C4-5326-BDA8-D21A-AF333A01EC22}"/>
                </a:ext>
              </a:extLst>
            </p:cNvPr>
            <p:cNvCxnSpPr>
              <a:cxnSpLocks/>
            </p:cNvCxnSpPr>
            <p:nvPr/>
          </p:nvCxnSpPr>
          <p:spPr>
            <a:xfrm>
              <a:off x="5865223" y="3341846"/>
              <a:ext cx="1495697" cy="0"/>
            </a:xfrm>
            <a:prstGeom prst="line">
              <a:avLst/>
            </a:prstGeom>
            <a:ln w="19050"/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9" name="Gerader Verbinder 8">
              <a:extLst>
                <a:ext uri="{FF2B5EF4-FFF2-40B4-BE49-F238E27FC236}">
                  <a16:creationId xmlns:a16="http://schemas.microsoft.com/office/drawing/2014/main" id="{DD5A1D50-FB18-2584-204A-5B4613B39F39}"/>
                </a:ext>
              </a:extLst>
            </p:cNvPr>
            <p:cNvCxnSpPr>
              <a:cxnSpLocks/>
            </p:cNvCxnSpPr>
            <p:nvPr/>
          </p:nvCxnSpPr>
          <p:spPr>
            <a:xfrm>
              <a:off x="5865223" y="2914038"/>
              <a:ext cx="0" cy="855617"/>
            </a:xfrm>
            <a:prstGeom prst="line">
              <a:avLst/>
            </a:prstGeom>
            <a:ln w="19050"/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3" name="Gerader Verbinder 12">
              <a:extLst>
                <a:ext uri="{FF2B5EF4-FFF2-40B4-BE49-F238E27FC236}">
                  <a16:creationId xmlns:a16="http://schemas.microsoft.com/office/drawing/2014/main" id="{B4725227-AE64-2A3E-3F1B-24C835ADB5D1}"/>
                </a:ext>
              </a:extLst>
            </p:cNvPr>
            <p:cNvCxnSpPr/>
            <p:nvPr/>
          </p:nvCxnSpPr>
          <p:spPr>
            <a:xfrm>
              <a:off x="5865223" y="3827417"/>
              <a:ext cx="1397726" cy="0"/>
            </a:xfrm>
            <a:prstGeom prst="line">
              <a:avLst/>
            </a:prstGeom>
            <a:ln w="15875">
              <a:solidFill>
                <a:srgbClr val="FFC000"/>
              </a:solidFill>
              <a:headEnd type="diamond"/>
              <a:tailEnd type="diamon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" name="Textfeld 13">
              <a:extLst>
                <a:ext uri="{FF2B5EF4-FFF2-40B4-BE49-F238E27FC236}">
                  <a16:creationId xmlns:a16="http://schemas.microsoft.com/office/drawing/2014/main" id="{579387C1-C391-A7D3-D0F5-3F19D1C969C7}"/>
                </a:ext>
              </a:extLst>
            </p:cNvPr>
            <p:cNvSpPr txBox="1"/>
            <p:nvPr/>
          </p:nvSpPr>
          <p:spPr>
            <a:xfrm>
              <a:off x="5865223" y="3769655"/>
              <a:ext cx="1351652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Length</a:t>
              </a:r>
              <a:r>
                <a:rPr lang="de-DE" sz="1100" dirty="0">
                  <a:solidFill>
                    <a:srgbClr val="FFC000"/>
                  </a:solidFill>
                  <a:latin typeface="+mn-lt"/>
                </a:rPr>
                <a:t> </a:t>
              </a:r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of</a:t>
              </a:r>
              <a:r>
                <a:rPr lang="de-DE" sz="1100" dirty="0">
                  <a:solidFill>
                    <a:srgbClr val="FFC000"/>
                  </a:solidFill>
                  <a:latin typeface="+mn-lt"/>
                </a:rPr>
                <a:t> </a:t>
              </a:r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the</a:t>
              </a:r>
              <a:r>
                <a:rPr lang="de-DE" sz="1100" dirty="0">
                  <a:solidFill>
                    <a:srgbClr val="FFC000"/>
                  </a:solidFill>
                  <a:latin typeface="+mn-lt"/>
                </a:rPr>
                <a:t> </a:t>
              </a:r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signal</a:t>
              </a:r>
              <a:endParaRPr lang="de-DE" sz="1100" dirty="0">
                <a:solidFill>
                  <a:srgbClr val="FFC000"/>
                </a:solidFill>
                <a:latin typeface="+mn-lt"/>
              </a:endParaRPr>
            </a:p>
          </p:txBody>
        </p:sp>
      </p:grpSp>
      <p:grpSp>
        <p:nvGrpSpPr>
          <p:cNvPr id="16" name="Gruppieren 15">
            <a:extLst>
              <a:ext uri="{FF2B5EF4-FFF2-40B4-BE49-F238E27FC236}">
                <a16:creationId xmlns:a16="http://schemas.microsoft.com/office/drawing/2014/main" id="{E6E5BAB7-198B-7709-E602-092CC06AE91C}"/>
              </a:ext>
            </a:extLst>
          </p:cNvPr>
          <p:cNvGrpSpPr/>
          <p:nvPr/>
        </p:nvGrpSpPr>
        <p:grpSpPr>
          <a:xfrm>
            <a:off x="4427220" y="2474973"/>
            <a:ext cx="1495697" cy="1117227"/>
            <a:chOff x="5865223" y="2914038"/>
            <a:chExt cx="1495697" cy="1117227"/>
          </a:xfrm>
        </p:grpSpPr>
        <p:cxnSp>
          <p:nvCxnSpPr>
            <p:cNvPr id="17" name="Gerader Verbinder 16">
              <a:extLst>
                <a:ext uri="{FF2B5EF4-FFF2-40B4-BE49-F238E27FC236}">
                  <a16:creationId xmlns:a16="http://schemas.microsoft.com/office/drawing/2014/main" id="{BE53F7B0-9AC5-C6C4-8701-476EF32BF9F8}"/>
                </a:ext>
              </a:extLst>
            </p:cNvPr>
            <p:cNvCxnSpPr>
              <a:cxnSpLocks/>
            </p:cNvCxnSpPr>
            <p:nvPr/>
          </p:nvCxnSpPr>
          <p:spPr>
            <a:xfrm>
              <a:off x="5865223" y="3341846"/>
              <a:ext cx="1495697" cy="0"/>
            </a:xfrm>
            <a:prstGeom prst="line">
              <a:avLst/>
            </a:prstGeom>
            <a:ln w="19050"/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8" name="Gerader Verbinder 17">
              <a:extLst>
                <a:ext uri="{FF2B5EF4-FFF2-40B4-BE49-F238E27FC236}">
                  <a16:creationId xmlns:a16="http://schemas.microsoft.com/office/drawing/2014/main" id="{F5C183AD-C9F7-435D-3F0E-D22B57CB6AF5}"/>
                </a:ext>
              </a:extLst>
            </p:cNvPr>
            <p:cNvCxnSpPr>
              <a:cxnSpLocks/>
            </p:cNvCxnSpPr>
            <p:nvPr/>
          </p:nvCxnSpPr>
          <p:spPr>
            <a:xfrm>
              <a:off x="5865223" y="2914038"/>
              <a:ext cx="0" cy="855617"/>
            </a:xfrm>
            <a:prstGeom prst="line">
              <a:avLst/>
            </a:prstGeom>
            <a:ln w="19050"/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9" name="Gerader Verbinder 18">
              <a:extLst>
                <a:ext uri="{FF2B5EF4-FFF2-40B4-BE49-F238E27FC236}">
                  <a16:creationId xmlns:a16="http://schemas.microsoft.com/office/drawing/2014/main" id="{5AEBE47C-D95C-7040-4B35-103902625B69}"/>
                </a:ext>
              </a:extLst>
            </p:cNvPr>
            <p:cNvCxnSpPr/>
            <p:nvPr/>
          </p:nvCxnSpPr>
          <p:spPr>
            <a:xfrm>
              <a:off x="5865223" y="3827417"/>
              <a:ext cx="1397726" cy="0"/>
            </a:xfrm>
            <a:prstGeom prst="line">
              <a:avLst/>
            </a:prstGeom>
            <a:ln w="15875">
              <a:solidFill>
                <a:srgbClr val="FFC000"/>
              </a:solidFill>
              <a:headEnd type="diamond"/>
              <a:tailEnd type="diamon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0" name="Textfeld 19">
              <a:extLst>
                <a:ext uri="{FF2B5EF4-FFF2-40B4-BE49-F238E27FC236}">
                  <a16:creationId xmlns:a16="http://schemas.microsoft.com/office/drawing/2014/main" id="{AFE77B0E-931A-CFE5-83DF-02668F4EDAA4}"/>
                </a:ext>
              </a:extLst>
            </p:cNvPr>
            <p:cNvSpPr txBox="1"/>
            <p:nvPr/>
          </p:nvSpPr>
          <p:spPr>
            <a:xfrm>
              <a:off x="5865223" y="3769655"/>
              <a:ext cx="1351652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Length</a:t>
              </a:r>
              <a:r>
                <a:rPr lang="de-DE" sz="1100" dirty="0">
                  <a:solidFill>
                    <a:srgbClr val="FFC000"/>
                  </a:solidFill>
                  <a:latin typeface="+mn-lt"/>
                </a:rPr>
                <a:t> </a:t>
              </a:r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of</a:t>
              </a:r>
              <a:r>
                <a:rPr lang="de-DE" sz="1100" dirty="0">
                  <a:solidFill>
                    <a:srgbClr val="FFC000"/>
                  </a:solidFill>
                  <a:latin typeface="+mn-lt"/>
                </a:rPr>
                <a:t> </a:t>
              </a:r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the</a:t>
              </a:r>
              <a:r>
                <a:rPr lang="de-DE" sz="1100" dirty="0">
                  <a:solidFill>
                    <a:srgbClr val="FFC000"/>
                  </a:solidFill>
                  <a:latin typeface="+mn-lt"/>
                </a:rPr>
                <a:t> </a:t>
              </a:r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signal</a:t>
              </a:r>
              <a:endParaRPr lang="de-DE" sz="1100" dirty="0">
                <a:solidFill>
                  <a:srgbClr val="FFC000"/>
                </a:solidFill>
                <a:latin typeface="+mn-lt"/>
              </a:endParaRPr>
            </a:p>
          </p:txBody>
        </p:sp>
      </p:grpSp>
      <p:grpSp>
        <p:nvGrpSpPr>
          <p:cNvPr id="21" name="Gruppieren 20">
            <a:extLst>
              <a:ext uri="{FF2B5EF4-FFF2-40B4-BE49-F238E27FC236}">
                <a16:creationId xmlns:a16="http://schemas.microsoft.com/office/drawing/2014/main" id="{DDA983F3-2AB1-68F3-2997-AAA1A0D703F4}"/>
              </a:ext>
            </a:extLst>
          </p:cNvPr>
          <p:cNvGrpSpPr/>
          <p:nvPr/>
        </p:nvGrpSpPr>
        <p:grpSpPr>
          <a:xfrm>
            <a:off x="7685315" y="2474973"/>
            <a:ext cx="1495697" cy="1117227"/>
            <a:chOff x="5865223" y="2914038"/>
            <a:chExt cx="1495697" cy="1117227"/>
          </a:xfrm>
        </p:grpSpPr>
        <p:cxnSp>
          <p:nvCxnSpPr>
            <p:cNvPr id="22" name="Gerader Verbinder 21">
              <a:extLst>
                <a:ext uri="{FF2B5EF4-FFF2-40B4-BE49-F238E27FC236}">
                  <a16:creationId xmlns:a16="http://schemas.microsoft.com/office/drawing/2014/main" id="{B419EE16-F992-0D70-F467-102A99C25233}"/>
                </a:ext>
              </a:extLst>
            </p:cNvPr>
            <p:cNvCxnSpPr>
              <a:cxnSpLocks/>
            </p:cNvCxnSpPr>
            <p:nvPr/>
          </p:nvCxnSpPr>
          <p:spPr>
            <a:xfrm>
              <a:off x="5865223" y="3341846"/>
              <a:ext cx="1495697" cy="0"/>
            </a:xfrm>
            <a:prstGeom prst="line">
              <a:avLst/>
            </a:prstGeom>
            <a:ln w="19050"/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23" name="Gerader Verbinder 22">
              <a:extLst>
                <a:ext uri="{FF2B5EF4-FFF2-40B4-BE49-F238E27FC236}">
                  <a16:creationId xmlns:a16="http://schemas.microsoft.com/office/drawing/2014/main" id="{9BC5D707-00A3-71E3-B06B-E8EC5EFD22C8}"/>
                </a:ext>
              </a:extLst>
            </p:cNvPr>
            <p:cNvCxnSpPr>
              <a:cxnSpLocks/>
            </p:cNvCxnSpPr>
            <p:nvPr/>
          </p:nvCxnSpPr>
          <p:spPr>
            <a:xfrm>
              <a:off x="5865223" y="2914038"/>
              <a:ext cx="0" cy="855617"/>
            </a:xfrm>
            <a:prstGeom prst="line">
              <a:avLst/>
            </a:prstGeom>
            <a:ln w="19050"/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24" name="Gerader Verbinder 23">
              <a:extLst>
                <a:ext uri="{FF2B5EF4-FFF2-40B4-BE49-F238E27FC236}">
                  <a16:creationId xmlns:a16="http://schemas.microsoft.com/office/drawing/2014/main" id="{ECBF4266-1597-3028-C44C-9A51C9C83BF2}"/>
                </a:ext>
              </a:extLst>
            </p:cNvPr>
            <p:cNvCxnSpPr/>
            <p:nvPr/>
          </p:nvCxnSpPr>
          <p:spPr>
            <a:xfrm>
              <a:off x="5865223" y="3827417"/>
              <a:ext cx="1397726" cy="0"/>
            </a:xfrm>
            <a:prstGeom prst="line">
              <a:avLst/>
            </a:prstGeom>
            <a:ln w="15875">
              <a:solidFill>
                <a:srgbClr val="FFC000"/>
              </a:solidFill>
              <a:headEnd type="diamond"/>
              <a:tailEnd type="diamon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5" name="Textfeld 24">
              <a:extLst>
                <a:ext uri="{FF2B5EF4-FFF2-40B4-BE49-F238E27FC236}">
                  <a16:creationId xmlns:a16="http://schemas.microsoft.com/office/drawing/2014/main" id="{5D93D6B8-C1FB-5093-FFCC-B79322D6DB94}"/>
                </a:ext>
              </a:extLst>
            </p:cNvPr>
            <p:cNvSpPr txBox="1"/>
            <p:nvPr/>
          </p:nvSpPr>
          <p:spPr>
            <a:xfrm>
              <a:off x="5865223" y="3769655"/>
              <a:ext cx="1351652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Length</a:t>
              </a:r>
              <a:r>
                <a:rPr lang="de-DE" sz="1100" dirty="0">
                  <a:solidFill>
                    <a:srgbClr val="FFC000"/>
                  </a:solidFill>
                  <a:latin typeface="+mn-lt"/>
                </a:rPr>
                <a:t> </a:t>
              </a:r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of</a:t>
              </a:r>
              <a:r>
                <a:rPr lang="de-DE" sz="1100" dirty="0">
                  <a:solidFill>
                    <a:srgbClr val="FFC000"/>
                  </a:solidFill>
                  <a:latin typeface="+mn-lt"/>
                </a:rPr>
                <a:t> </a:t>
              </a:r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the</a:t>
              </a:r>
              <a:r>
                <a:rPr lang="de-DE" sz="1100" dirty="0">
                  <a:solidFill>
                    <a:srgbClr val="FFC000"/>
                  </a:solidFill>
                  <a:latin typeface="+mn-lt"/>
                </a:rPr>
                <a:t> </a:t>
              </a:r>
              <a:r>
                <a:rPr lang="de-DE" sz="1100" dirty="0" err="1">
                  <a:solidFill>
                    <a:srgbClr val="FFC000"/>
                  </a:solidFill>
                  <a:latin typeface="+mn-lt"/>
                </a:rPr>
                <a:t>signal</a:t>
              </a:r>
              <a:endParaRPr lang="de-DE" sz="1100" dirty="0">
                <a:solidFill>
                  <a:srgbClr val="FFC000"/>
                </a:solidFill>
                <a:latin typeface="+mn-lt"/>
              </a:endParaRPr>
            </a:p>
          </p:txBody>
        </p:sp>
      </p:grpSp>
      <p:cxnSp>
        <p:nvCxnSpPr>
          <p:cNvPr id="27" name="Gerader Verbinder 26">
            <a:extLst>
              <a:ext uri="{FF2B5EF4-FFF2-40B4-BE49-F238E27FC236}">
                <a16:creationId xmlns:a16="http://schemas.microsoft.com/office/drawing/2014/main" id="{1C83561C-CEF7-7D8E-43A0-5DA0D02F193A}"/>
              </a:ext>
            </a:extLst>
          </p:cNvPr>
          <p:cNvCxnSpPr/>
          <p:nvPr/>
        </p:nvCxnSpPr>
        <p:spPr>
          <a:xfrm>
            <a:off x="1169126" y="2638697"/>
            <a:ext cx="1397726" cy="0"/>
          </a:xfrm>
          <a:prstGeom prst="line">
            <a:avLst/>
          </a:prstGeom>
          <a:ln w="38100"/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sp>
        <p:nvSpPr>
          <p:cNvPr id="32" name="Freihandform: Form 31">
            <a:extLst>
              <a:ext uri="{FF2B5EF4-FFF2-40B4-BE49-F238E27FC236}">
                <a16:creationId xmlns:a16="http://schemas.microsoft.com/office/drawing/2014/main" id="{AEDA37C7-F44B-3C63-C55B-9512F848D87F}"/>
              </a:ext>
            </a:extLst>
          </p:cNvPr>
          <p:cNvSpPr/>
          <p:nvPr/>
        </p:nvSpPr>
        <p:spPr>
          <a:xfrm>
            <a:off x="4427219" y="2663820"/>
            <a:ext cx="1397724" cy="554796"/>
          </a:xfrm>
          <a:custGeom>
            <a:avLst/>
            <a:gdLst>
              <a:gd name="connsiteX0" fmla="*/ 0 w 1044575"/>
              <a:gd name="connsiteY0" fmla="*/ 27720 h 554796"/>
              <a:gd name="connsiteX1" fmla="*/ 146050 w 1044575"/>
              <a:gd name="connsiteY1" fmla="*/ 88045 h 554796"/>
              <a:gd name="connsiteX2" fmla="*/ 546100 w 1044575"/>
              <a:gd name="connsiteY2" fmla="*/ 554770 h 554796"/>
              <a:gd name="connsiteX3" fmla="*/ 933450 w 1044575"/>
              <a:gd name="connsiteY3" fmla="*/ 65820 h 554796"/>
              <a:gd name="connsiteX4" fmla="*/ 1044575 w 1044575"/>
              <a:gd name="connsiteY4" fmla="*/ 18195 h 55479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044575" h="554796">
                <a:moveTo>
                  <a:pt x="0" y="27720"/>
                </a:moveTo>
                <a:cubicBezTo>
                  <a:pt x="27516" y="13961"/>
                  <a:pt x="55033" y="203"/>
                  <a:pt x="146050" y="88045"/>
                </a:cubicBezTo>
                <a:cubicBezTo>
                  <a:pt x="237067" y="175887"/>
                  <a:pt x="414867" y="558474"/>
                  <a:pt x="546100" y="554770"/>
                </a:cubicBezTo>
                <a:cubicBezTo>
                  <a:pt x="677333" y="551066"/>
                  <a:pt x="850371" y="155249"/>
                  <a:pt x="933450" y="65820"/>
                </a:cubicBezTo>
                <a:cubicBezTo>
                  <a:pt x="1016529" y="-23609"/>
                  <a:pt x="1030552" y="-2707"/>
                  <a:pt x="1044575" y="18195"/>
                </a:cubicBezTo>
              </a:path>
            </a:pathLst>
          </a:custGeom>
          <a:ln w="28575"/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grpSp>
        <p:nvGrpSpPr>
          <p:cNvPr id="35" name="Gruppieren 34">
            <a:extLst>
              <a:ext uri="{FF2B5EF4-FFF2-40B4-BE49-F238E27FC236}">
                <a16:creationId xmlns:a16="http://schemas.microsoft.com/office/drawing/2014/main" id="{CF133E14-30D3-DFD0-E088-73B0BBFC241E}"/>
              </a:ext>
            </a:extLst>
          </p:cNvPr>
          <p:cNvGrpSpPr/>
          <p:nvPr/>
        </p:nvGrpSpPr>
        <p:grpSpPr>
          <a:xfrm>
            <a:off x="7685317" y="2661906"/>
            <a:ext cx="1397720" cy="570474"/>
            <a:chOff x="7685316" y="2579356"/>
            <a:chExt cx="1601559" cy="570474"/>
          </a:xfrm>
        </p:grpSpPr>
        <p:sp>
          <p:nvSpPr>
            <p:cNvPr id="33" name="Freihandform: Form 32">
              <a:extLst>
                <a:ext uri="{FF2B5EF4-FFF2-40B4-BE49-F238E27FC236}">
                  <a16:creationId xmlns:a16="http://schemas.microsoft.com/office/drawing/2014/main" id="{408B0B47-FFC2-D33E-68DE-9989B8C4042C}"/>
                </a:ext>
              </a:extLst>
            </p:cNvPr>
            <p:cNvSpPr/>
            <p:nvPr/>
          </p:nvSpPr>
          <p:spPr>
            <a:xfrm>
              <a:off x="7685316" y="2595034"/>
              <a:ext cx="817334" cy="554796"/>
            </a:xfrm>
            <a:custGeom>
              <a:avLst/>
              <a:gdLst>
                <a:gd name="connsiteX0" fmla="*/ 0 w 1044575"/>
                <a:gd name="connsiteY0" fmla="*/ 27720 h 554796"/>
                <a:gd name="connsiteX1" fmla="*/ 146050 w 1044575"/>
                <a:gd name="connsiteY1" fmla="*/ 88045 h 554796"/>
                <a:gd name="connsiteX2" fmla="*/ 546100 w 1044575"/>
                <a:gd name="connsiteY2" fmla="*/ 554770 h 554796"/>
                <a:gd name="connsiteX3" fmla="*/ 933450 w 1044575"/>
                <a:gd name="connsiteY3" fmla="*/ 65820 h 554796"/>
                <a:gd name="connsiteX4" fmla="*/ 1044575 w 1044575"/>
                <a:gd name="connsiteY4" fmla="*/ 18195 h 5547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044575" h="554796">
                  <a:moveTo>
                    <a:pt x="0" y="27720"/>
                  </a:moveTo>
                  <a:cubicBezTo>
                    <a:pt x="27516" y="13961"/>
                    <a:pt x="55033" y="203"/>
                    <a:pt x="146050" y="88045"/>
                  </a:cubicBezTo>
                  <a:cubicBezTo>
                    <a:pt x="237067" y="175887"/>
                    <a:pt x="414867" y="558474"/>
                    <a:pt x="546100" y="554770"/>
                  </a:cubicBezTo>
                  <a:cubicBezTo>
                    <a:pt x="677333" y="551066"/>
                    <a:pt x="850371" y="155249"/>
                    <a:pt x="933450" y="65820"/>
                  </a:cubicBezTo>
                  <a:cubicBezTo>
                    <a:pt x="1016529" y="-23609"/>
                    <a:pt x="1030552" y="-2707"/>
                    <a:pt x="1044575" y="18195"/>
                  </a:cubicBezTo>
                </a:path>
              </a:pathLst>
            </a:custGeom>
            <a:ln w="28575"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sp>
          <p:nvSpPr>
            <p:cNvPr id="34" name="Freihandform: Form 33">
              <a:extLst>
                <a:ext uri="{FF2B5EF4-FFF2-40B4-BE49-F238E27FC236}">
                  <a16:creationId xmlns:a16="http://schemas.microsoft.com/office/drawing/2014/main" id="{272D7A90-EB08-D5AE-ACFA-2434E9564C2A}"/>
                </a:ext>
              </a:extLst>
            </p:cNvPr>
            <p:cNvSpPr/>
            <p:nvPr/>
          </p:nvSpPr>
          <p:spPr>
            <a:xfrm>
              <a:off x="8469541" y="2579356"/>
              <a:ext cx="817334" cy="554796"/>
            </a:xfrm>
            <a:custGeom>
              <a:avLst/>
              <a:gdLst>
                <a:gd name="connsiteX0" fmla="*/ 0 w 1044575"/>
                <a:gd name="connsiteY0" fmla="*/ 27720 h 554796"/>
                <a:gd name="connsiteX1" fmla="*/ 146050 w 1044575"/>
                <a:gd name="connsiteY1" fmla="*/ 88045 h 554796"/>
                <a:gd name="connsiteX2" fmla="*/ 546100 w 1044575"/>
                <a:gd name="connsiteY2" fmla="*/ 554770 h 554796"/>
                <a:gd name="connsiteX3" fmla="*/ 933450 w 1044575"/>
                <a:gd name="connsiteY3" fmla="*/ 65820 h 554796"/>
                <a:gd name="connsiteX4" fmla="*/ 1044575 w 1044575"/>
                <a:gd name="connsiteY4" fmla="*/ 18195 h 5547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044575" h="554796">
                  <a:moveTo>
                    <a:pt x="0" y="27720"/>
                  </a:moveTo>
                  <a:cubicBezTo>
                    <a:pt x="27516" y="13961"/>
                    <a:pt x="55033" y="203"/>
                    <a:pt x="146050" y="88045"/>
                  </a:cubicBezTo>
                  <a:cubicBezTo>
                    <a:pt x="237067" y="175887"/>
                    <a:pt x="414867" y="558474"/>
                    <a:pt x="546100" y="554770"/>
                  </a:cubicBezTo>
                  <a:cubicBezTo>
                    <a:pt x="677333" y="551066"/>
                    <a:pt x="850371" y="155249"/>
                    <a:pt x="933450" y="65820"/>
                  </a:cubicBezTo>
                  <a:cubicBezTo>
                    <a:pt x="1016529" y="-23609"/>
                    <a:pt x="1030552" y="-2707"/>
                    <a:pt x="1044575" y="18195"/>
                  </a:cubicBezTo>
                </a:path>
              </a:pathLst>
            </a:custGeom>
            <a:ln w="28575"/>
          </p:spPr>
          <p:style>
            <a:lnRef idx="1">
              <a:schemeClr val="accent4"/>
            </a:lnRef>
            <a:fillRef idx="0">
              <a:schemeClr val="accent4"/>
            </a:fillRef>
            <a:effectRef idx="0">
              <a:schemeClr val="accent4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</p:grpSp>
      <p:pic>
        <p:nvPicPr>
          <p:cNvPr id="39" name="Grafik 38">
            <a:extLst>
              <a:ext uri="{FF2B5EF4-FFF2-40B4-BE49-F238E27FC236}">
                <a16:creationId xmlns:a16="http://schemas.microsoft.com/office/drawing/2014/main" id="{DE573DE7-6C6C-627C-C8A1-DCA472E820CF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39900" y="2371592"/>
            <a:ext cx="465621" cy="145456"/>
          </a:xfrm>
          <a:prstGeom prst="rect">
            <a:avLst/>
          </a:prstGeom>
        </p:spPr>
      </p:pic>
      <p:pic>
        <p:nvPicPr>
          <p:cNvPr id="43" name="Grafik 42">
            <a:extLst>
              <a:ext uri="{FF2B5EF4-FFF2-40B4-BE49-F238E27FC236}">
                <a16:creationId xmlns:a16="http://schemas.microsoft.com/office/drawing/2014/main" id="{B3944888-C0F6-FA18-E6EF-C663CAE7C546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97993" y="2404260"/>
            <a:ext cx="458212" cy="143395"/>
          </a:xfrm>
          <a:prstGeom prst="rect">
            <a:avLst/>
          </a:prstGeom>
        </p:spPr>
      </p:pic>
      <p:pic>
        <p:nvPicPr>
          <p:cNvPr id="45" name="Grafik 44">
            <a:extLst>
              <a:ext uri="{FF2B5EF4-FFF2-40B4-BE49-F238E27FC236}">
                <a16:creationId xmlns:a16="http://schemas.microsoft.com/office/drawing/2014/main" id="{00891C09-42C8-B510-74FB-4F6E3D16FBF6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00352" y="2404260"/>
            <a:ext cx="464338" cy="143395"/>
          </a:xfrm>
          <a:prstGeom prst="rect">
            <a:avLst/>
          </a:prstGeom>
        </p:spPr>
      </p:pic>
      <p:sp>
        <p:nvSpPr>
          <p:cNvPr id="57" name="Rechteck 56">
            <a:extLst>
              <a:ext uri="{FF2B5EF4-FFF2-40B4-BE49-F238E27FC236}">
                <a16:creationId xmlns:a16="http://schemas.microsoft.com/office/drawing/2014/main" id="{F508C3DA-D584-330F-A9EF-8E01F1ACA785}"/>
              </a:ext>
            </a:extLst>
          </p:cNvPr>
          <p:cNvSpPr/>
          <p:nvPr/>
        </p:nvSpPr>
        <p:spPr>
          <a:xfrm>
            <a:off x="3187355" y="3873913"/>
            <a:ext cx="4267545" cy="990185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52" name="Textfeld 51">
            <a:extLst>
              <a:ext uri="{FF2B5EF4-FFF2-40B4-BE49-F238E27FC236}">
                <a16:creationId xmlns:a16="http://schemas.microsoft.com/office/drawing/2014/main" id="{5FEDBAAA-4CAB-DD17-7CE7-5C1CC094A61D}"/>
              </a:ext>
            </a:extLst>
          </p:cNvPr>
          <p:cNvSpPr txBox="1"/>
          <p:nvPr/>
        </p:nvSpPr>
        <p:spPr>
          <a:xfrm>
            <a:off x="5631320" y="4601419"/>
            <a:ext cx="1026243" cy="21544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800" dirty="0" err="1">
                <a:solidFill>
                  <a:srgbClr val="C49500"/>
                </a:solidFill>
                <a:latin typeface="+mn-lt"/>
              </a:rPr>
              <a:t>Length</a:t>
            </a:r>
            <a:r>
              <a:rPr lang="de-DE" sz="800" dirty="0">
                <a:solidFill>
                  <a:srgbClr val="C49500"/>
                </a:solidFill>
                <a:latin typeface="+mn-lt"/>
              </a:rPr>
              <a:t> </a:t>
            </a:r>
            <a:r>
              <a:rPr lang="de-DE" sz="800" dirty="0" err="1">
                <a:solidFill>
                  <a:srgbClr val="C49500"/>
                </a:solidFill>
                <a:latin typeface="+mn-lt"/>
              </a:rPr>
              <a:t>of</a:t>
            </a:r>
            <a:r>
              <a:rPr lang="de-DE" sz="800" dirty="0">
                <a:solidFill>
                  <a:srgbClr val="C49500"/>
                </a:solidFill>
                <a:latin typeface="+mn-lt"/>
              </a:rPr>
              <a:t> </a:t>
            </a:r>
            <a:r>
              <a:rPr lang="de-DE" sz="800" dirty="0" err="1">
                <a:solidFill>
                  <a:srgbClr val="C49500"/>
                </a:solidFill>
                <a:latin typeface="+mn-lt"/>
              </a:rPr>
              <a:t>the</a:t>
            </a:r>
            <a:r>
              <a:rPr lang="de-DE" sz="800" dirty="0">
                <a:solidFill>
                  <a:srgbClr val="C49500"/>
                </a:solidFill>
                <a:latin typeface="+mn-lt"/>
              </a:rPr>
              <a:t> </a:t>
            </a:r>
            <a:r>
              <a:rPr lang="de-DE" sz="800" dirty="0" err="1">
                <a:solidFill>
                  <a:srgbClr val="C49500"/>
                </a:solidFill>
                <a:latin typeface="+mn-lt"/>
              </a:rPr>
              <a:t>signal</a:t>
            </a:r>
            <a:endParaRPr lang="de-DE" sz="800" dirty="0">
              <a:solidFill>
                <a:srgbClr val="C49500"/>
              </a:solidFill>
              <a:latin typeface="+mn-lt"/>
            </a:endParaRPr>
          </a:p>
        </p:txBody>
      </p:sp>
      <p:pic>
        <p:nvPicPr>
          <p:cNvPr id="36" name="Grafik 35">
            <a:extLst>
              <a:ext uri="{FF2B5EF4-FFF2-40B4-BE49-F238E27FC236}">
                <a16:creationId xmlns:a16="http://schemas.microsoft.com/office/drawing/2014/main" id="{1E341EE3-5FC6-BBDF-94BC-93EC5BC7A3A0}"/>
              </a:ext>
            </a:extLst>
          </p:cNvPr>
          <p:cNvPicPr>
            <a:picLocks noChangeAspect="1"/>
          </p:cNvPicPr>
          <p:nvPr>
            <p:custDataLst>
              <p:tags r:id="rId4"/>
            </p:custDataLst>
          </p:nvPr>
        </p:nvPicPr>
        <p:blipFill>
          <a:blip r:embed="rId1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34789" y="4095533"/>
            <a:ext cx="3772677" cy="412376"/>
          </a:xfrm>
          <a:prstGeom prst="rect">
            <a:avLst/>
          </a:prstGeom>
        </p:spPr>
      </p:pic>
      <p:sp>
        <p:nvSpPr>
          <p:cNvPr id="59" name="Textfeld 58">
            <a:extLst>
              <a:ext uri="{FF2B5EF4-FFF2-40B4-BE49-F238E27FC236}">
                <a16:creationId xmlns:a16="http://schemas.microsoft.com/office/drawing/2014/main" id="{4FED1C28-1A24-48D3-AEB0-E949CB848E3E}"/>
              </a:ext>
            </a:extLst>
          </p:cNvPr>
          <p:cNvSpPr txBox="1"/>
          <p:nvPr/>
        </p:nvSpPr>
        <p:spPr>
          <a:xfrm>
            <a:off x="1663700" y="5473700"/>
            <a:ext cx="1106393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latin typeface="+mn-lt"/>
              </a:rPr>
              <a:t>Bin </a:t>
            </a:r>
            <a:r>
              <a:rPr lang="de-DE" sz="1600" dirty="0" err="1">
                <a:latin typeface="+mn-lt"/>
              </a:rPr>
              <a:t>width</a:t>
            </a:r>
            <a:r>
              <a:rPr lang="de-DE" sz="1600" dirty="0">
                <a:latin typeface="+mn-lt"/>
              </a:rPr>
              <a:t>: </a:t>
            </a:r>
          </a:p>
        </p:txBody>
      </p:sp>
      <p:pic>
        <p:nvPicPr>
          <p:cNvPr id="84" name="Grafik 83">
            <a:extLst>
              <a:ext uri="{FF2B5EF4-FFF2-40B4-BE49-F238E27FC236}">
                <a16:creationId xmlns:a16="http://schemas.microsoft.com/office/drawing/2014/main" id="{AA1D6AEF-9A3E-DDC9-1C70-CD4E9D3B4CB4}"/>
              </a:ext>
            </a:extLst>
          </p:cNvPr>
          <p:cNvPicPr>
            <a:picLocks noChangeAspect="1"/>
          </p:cNvPicPr>
          <p:nvPr>
            <p:custDataLst>
              <p:tags r:id="rId5"/>
            </p:custDataLst>
          </p:nvPr>
        </p:nvPicPr>
        <p:blipFill>
          <a:blip r:embed="rId1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42671" y="5469652"/>
            <a:ext cx="1070148" cy="382124"/>
          </a:xfrm>
          <a:prstGeom prst="rect">
            <a:avLst/>
          </a:prstGeom>
        </p:spPr>
      </p:pic>
      <p:sp>
        <p:nvSpPr>
          <p:cNvPr id="63" name="Textfeld 62">
            <a:extLst>
              <a:ext uri="{FF2B5EF4-FFF2-40B4-BE49-F238E27FC236}">
                <a16:creationId xmlns:a16="http://schemas.microsoft.com/office/drawing/2014/main" id="{3D2F1152-552C-74B3-712A-1FEEB7775E80}"/>
              </a:ext>
            </a:extLst>
          </p:cNvPr>
          <p:cNvSpPr txBox="1"/>
          <p:nvPr/>
        </p:nvSpPr>
        <p:spPr>
          <a:xfrm>
            <a:off x="1782586" y="5776719"/>
            <a:ext cx="763351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000" dirty="0">
                <a:latin typeface="+mn-lt"/>
              </a:rPr>
              <a:t>Resolution</a:t>
            </a:r>
          </a:p>
        </p:txBody>
      </p:sp>
      <p:sp>
        <p:nvSpPr>
          <p:cNvPr id="42" name="Geschweifte Klammer links 41">
            <a:extLst>
              <a:ext uri="{FF2B5EF4-FFF2-40B4-BE49-F238E27FC236}">
                <a16:creationId xmlns:a16="http://schemas.microsoft.com/office/drawing/2014/main" id="{FB28372C-6CB6-8D37-4E20-EC7C02F4F551}"/>
              </a:ext>
            </a:extLst>
          </p:cNvPr>
          <p:cNvSpPr/>
          <p:nvPr/>
        </p:nvSpPr>
        <p:spPr>
          <a:xfrm rot="16200000">
            <a:off x="6098771" y="4318177"/>
            <a:ext cx="91341" cy="515918"/>
          </a:xfrm>
          <a:prstGeom prst="leftBrac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grpSp>
        <p:nvGrpSpPr>
          <p:cNvPr id="108" name="Gruppieren 107">
            <a:extLst>
              <a:ext uri="{FF2B5EF4-FFF2-40B4-BE49-F238E27FC236}">
                <a16:creationId xmlns:a16="http://schemas.microsoft.com/office/drawing/2014/main" id="{53572BEA-2B44-456F-3485-4994492E2605}"/>
              </a:ext>
            </a:extLst>
          </p:cNvPr>
          <p:cNvGrpSpPr/>
          <p:nvPr/>
        </p:nvGrpSpPr>
        <p:grpSpPr>
          <a:xfrm>
            <a:off x="8826520" y="5296149"/>
            <a:ext cx="2318544" cy="739043"/>
            <a:chOff x="8826520" y="5296149"/>
            <a:chExt cx="2318544" cy="739043"/>
          </a:xfrm>
        </p:grpSpPr>
        <p:sp>
          <p:nvSpPr>
            <p:cNvPr id="68" name="Textfeld 67">
              <a:extLst>
                <a:ext uri="{FF2B5EF4-FFF2-40B4-BE49-F238E27FC236}">
                  <a16:creationId xmlns:a16="http://schemas.microsoft.com/office/drawing/2014/main" id="{FDC30346-F353-6468-5107-8E3B8F43A01C}"/>
                </a:ext>
              </a:extLst>
            </p:cNvPr>
            <p:cNvSpPr txBox="1"/>
            <p:nvPr/>
          </p:nvSpPr>
          <p:spPr>
            <a:xfrm>
              <a:off x="10546438" y="5296149"/>
              <a:ext cx="373820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000" dirty="0">
                  <a:latin typeface="+mn-lt"/>
                </a:rPr>
                <a:t>N-1</a:t>
              </a:r>
            </a:p>
          </p:txBody>
        </p:sp>
        <p:pic>
          <p:nvPicPr>
            <p:cNvPr id="87" name="Grafik 86">
              <a:extLst>
                <a:ext uri="{FF2B5EF4-FFF2-40B4-BE49-F238E27FC236}">
                  <a16:creationId xmlns:a16="http://schemas.microsoft.com/office/drawing/2014/main" id="{E3F0B4E0-10B3-A9ED-3041-96C0397BE050}"/>
                </a:ext>
              </a:extLst>
            </p:cNvPr>
            <p:cNvPicPr>
              <a:picLocks noChangeAspect="1"/>
            </p:cNvPicPr>
            <p:nvPr>
              <p:custDataLst>
                <p:tags r:id="rId7"/>
              </p:custDataLst>
            </p:nvPr>
          </p:nvPicPr>
          <p:blipFill>
            <a:blip r:embed="rId18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8927163" y="5844130"/>
              <a:ext cx="279911" cy="191062"/>
            </a:xfrm>
            <a:prstGeom prst="rect">
              <a:avLst/>
            </a:prstGeom>
          </p:spPr>
        </p:pic>
        <p:sp>
          <p:nvSpPr>
            <p:cNvPr id="88" name="Geschweifte Klammer rechts 87">
              <a:extLst>
                <a:ext uri="{FF2B5EF4-FFF2-40B4-BE49-F238E27FC236}">
                  <a16:creationId xmlns:a16="http://schemas.microsoft.com/office/drawing/2014/main" id="{905187D5-5492-3848-BCF2-6E89CCAA4223}"/>
                </a:ext>
              </a:extLst>
            </p:cNvPr>
            <p:cNvSpPr/>
            <p:nvPr/>
          </p:nvSpPr>
          <p:spPr>
            <a:xfrm rot="5400000">
              <a:off x="8968205" y="5624199"/>
              <a:ext cx="69743" cy="235301"/>
            </a:xfrm>
            <a:prstGeom prst="rightBrace">
              <a:avLst>
                <a:gd name="adj1" fmla="val 52719"/>
                <a:gd name="adj2" fmla="val 50000"/>
              </a:avLst>
            </a:prstGeom>
            <a:ln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pic>
          <p:nvPicPr>
            <p:cNvPr id="107" name="Grafik 106">
              <a:extLst>
                <a:ext uri="{FF2B5EF4-FFF2-40B4-BE49-F238E27FC236}">
                  <a16:creationId xmlns:a16="http://schemas.microsoft.com/office/drawing/2014/main" id="{A81AF373-F054-EDEC-18A8-8C7F2FEF1E2C}"/>
                </a:ext>
              </a:extLst>
            </p:cNvPr>
            <p:cNvPicPr>
              <a:picLocks noChangeAspect="1"/>
            </p:cNvPicPr>
            <p:nvPr>
              <p:custDataLst>
                <p:tags r:id="rId8"/>
              </p:custDataLst>
            </p:nvPr>
          </p:nvPicPr>
          <p:blipFill>
            <a:blip r:embed="rId19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8826520" y="5547367"/>
              <a:ext cx="590297" cy="114404"/>
            </a:xfrm>
            <a:prstGeom prst="rect">
              <a:avLst/>
            </a:prstGeom>
          </p:spPr>
        </p:pic>
        <p:pic>
          <p:nvPicPr>
            <p:cNvPr id="81" name="Grafik 80">
              <a:extLst>
                <a:ext uri="{FF2B5EF4-FFF2-40B4-BE49-F238E27FC236}">
                  <a16:creationId xmlns:a16="http://schemas.microsoft.com/office/drawing/2014/main" id="{3E51E7AC-9CBA-E3E1-9AAB-FF97E34855DE}"/>
                </a:ext>
              </a:extLst>
            </p:cNvPr>
            <p:cNvPicPr>
              <a:picLocks noChangeAspect="1"/>
            </p:cNvPicPr>
            <p:nvPr>
              <p:custDataLst>
                <p:tags r:id="rId9"/>
              </p:custDataLst>
            </p:nvPr>
          </p:nvPicPr>
          <p:blipFill>
            <a:blip r:embed="rId20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0920258" y="5541200"/>
              <a:ext cx="224806" cy="126263"/>
            </a:xfrm>
            <a:prstGeom prst="rect">
              <a:avLst/>
            </a:prstGeom>
          </p:spPr>
        </p:pic>
        <p:pic>
          <p:nvPicPr>
            <p:cNvPr id="98" name="Grafik 97">
              <a:extLst>
                <a:ext uri="{FF2B5EF4-FFF2-40B4-BE49-F238E27FC236}">
                  <a16:creationId xmlns:a16="http://schemas.microsoft.com/office/drawing/2014/main" id="{9ABB630A-BBE7-6BCE-564E-69FA80491537}"/>
                </a:ext>
              </a:extLst>
            </p:cNvPr>
            <p:cNvPicPr>
              <a:picLocks noChangeAspect="1"/>
            </p:cNvPicPr>
            <p:nvPr>
              <p:custDataLst>
                <p:tags r:id="rId10"/>
              </p:custDataLst>
            </p:nvPr>
          </p:nvPicPr>
          <p:blipFill>
            <a:blip r:embed="rId21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650395" y="5537798"/>
              <a:ext cx="799126" cy="136086"/>
            </a:xfrm>
            <a:prstGeom prst="rect">
              <a:avLst/>
            </a:prstGeom>
          </p:spPr>
        </p:pic>
      </p:grpSp>
      <p:grpSp>
        <p:nvGrpSpPr>
          <p:cNvPr id="99" name="Gruppieren 98">
            <a:extLst>
              <a:ext uri="{FF2B5EF4-FFF2-40B4-BE49-F238E27FC236}">
                <a16:creationId xmlns:a16="http://schemas.microsoft.com/office/drawing/2014/main" id="{EB107CDF-B6D1-6FE3-2EF9-53A6F96A20D1}"/>
              </a:ext>
            </a:extLst>
          </p:cNvPr>
          <p:cNvGrpSpPr/>
          <p:nvPr/>
        </p:nvGrpSpPr>
        <p:grpSpPr>
          <a:xfrm>
            <a:off x="8776046" y="3999918"/>
            <a:ext cx="2392998" cy="1520382"/>
            <a:chOff x="8776046" y="3999918"/>
            <a:chExt cx="2392998" cy="1520382"/>
          </a:xfrm>
        </p:grpSpPr>
        <p:cxnSp>
          <p:nvCxnSpPr>
            <p:cNvPr id="65" name="Gerade Verbindung mit Pfeil 64">
              <a:extLst>
                <a:ext uri="{FF2B5EF4-FFF2-40B4-BE49-F238E27FC236}">
                  <a16:creationId xmlns:a16="http://schemas.microsoft.com/office/drawing/2014/main" id="{028B413A-4813-FF7E-1B18-F217922BFF16}"/>
                </a:ext>
              </a:extLst>
            </p:cNvPr>
            <p:cNvCxnSpPr/>
            <p:nvPr/>
          </p:nvCxnSpPr>
          <p:spPr>
            <a:xfrm>
              <a:off x="8911187" y="5281759"/>
              <a:ext cx="2135777" cy="0"/>
            </a:xfrm>
            <a:prstGeom prst="straightConnector1">
              <a:avLst/>
            </a:prstGeom>
            <a:ln w="19050"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6" name="Gerade Verbindung mit Pfeil 65">
              <a:extLst>
                <a:ext uri="{FF2B5EF4-FFF2-40B4-BE49-F238E27FC236}">
                  <a16:creationId xmlns:a16="http://schemas.microsoft.com/office/drawing/2014/main" id="{72E2F702-548D-83FB-8F32-B97D5B144BC3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8919896" y="4235702"/>
              <a:ext cx="0" cy="1046057"/>
            </a:xfrm>
            <a:prstGeom prst="straightConnector1">
              <a:avLst/>
            </a:prstGeom>
            <a:ln w="19050"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7" name="Textfeld 66">
              <a:extLst>
                <a:ext uri="{FF2B5EF4-FFF2-40B4-BE49-F238E27FC236}">
                  <a16:creationId xmlns:a16="http://schemas.microsoft.com/office/drawing/2014/main" id="{78E820EA-C829-ECAA-DB06-D8B317C810AF}"/>
                </a:ext>
              </a:extLst>
            </p:cNvPr>
            <p:cNvSpPr txBox="1"/>
            <p:nvPr/>
          </p:nvSpPr>
          <p:spPr>
            <a:xfrm>
              <a:off x="8793098" y="5274079"/>
              <a:ext cx="954107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000" dirty="0">
                  <a:latin typeface="+mn-lt"/>
                </a:rPr>
                <a:t>0     1    2    . . . </a:t>
              </a:r>
            </a:p>
          </p:txBody>
        </p:sp>
        <p:sp>
          <p:nvSpPr>
            <p:cNvPr id="69" name="Textfeld 68">
              <a:extLst>
                <a:ext uri="{FF2B5EF4-FFF2-40B4-BE49-F238E27FC236}">
                  <a16:creationId xmlns:a16="http://schemas.microsoft.com/office/drawing/2014/main" id="{747B5925-92AC-4F61-6C09-0139516D3711}"/>
                </a:ext>
              </a:extLst>
            </p:cNvPr>
            <p:cNvSpPr txBox="1"/>
            <p:nvPr/>
          </p:nvSpPr>
          <p:spPr>
            <a:xfrm>
              <a:off x="10920258" y="5274078"/>
              <a:ext cx="248786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000" dirty="0">
                  <a:latin typeface="+mn-lt"/>
                </a:rPr>
                <a:t>k</a:t>
              </a:r>
            </a:p>
          </p:txBody>
        </p:sp>
        <p:cxnSp>
          <p:nvCxnSpPr>
            <p:cNvPr id="70" name="Gerader Verbinder 69">
              <a:extLst>
                <a:ext uri="{FF2B5EF4-FFF2-40B4-BE49-F238E27FC236}">
                  <a16:creationId xmlns:a16="http://schemas.microsoft.com/office/drawing/2014/main" id="{751C54B5-ADDC-D972-0EE1-0D98544159D9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8922019" y="4974352"/>
              <a:ext cx="0" cy="299726"/>
            </a:xfrm>
            <a:prstGeom prst="line">
              <a:avLst/>
            </a:prstGeom>
            <a:ln w="15875">
              <a:solidFill>
                <a:srgbClr val="00B050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1" name="Gerader Verbinder 70">
              <a:extLst>
                <a:ext uri="{FF2B5EF4-FFF2-40B4-BE49-F238E27FC236}">
                  <a16:creationId xmlns:a16="http://schemas.microsoft.com/office/drawing/2014/main" id="{358D0E96-21AD-19ED-1CA2-9E6CB5D5BCF5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319437" y="5017881"/>
              <a:ext cx="0" cy="256197"/>
            </a:xfrm>
            <a:prstGeom prst="line">
              <a:avLst/>
            </a:prstGeom>
            <a:ln w="15875">
              <a:solidFill>
                <a:schemeClr val="accent6">
                  <a:lumMod val="75000"/>
                </a:schemeClr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2" name="Gerader Verbinder 71">
              <a:extLst>
                <a:ext uri="{FF2B5EF4-FFF2-40B4-BE49-F238E27FC236}">
                  <a16:creationId xmlns:a16="http://schemas.microsoft.com/office/drawing/2014/main" id="{5058EC1A-38B7-221D-8ED4-27BA6CC4B1DE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518146" y="5106146"/>
              <a:ext cx="0" cy="167932"/>
            </a:xfrm>
            <a:prstGeom prst="line">
              <a:avLst/>
            </a:prstGeom>
            <a:ln w="15875">
              <a:solidFill>
                <a:srgbClr val="7030A0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3" name="Gerader Verbinder 72">
              <a:extLst>
                <a:ext uri="{FF2B5EF4-FFF2-40B4-BE49-F238E27FC236}">
                  <a16:creationId xmlns:a16="http://schemas.microsoft.com/office/drawing/2014/main" id="{E5258F3C-8AD3-BAC8-B2B0-BF4AD856C9C3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716855" y="5053013"/>
              <a:ext cx="0" cy="221065"/>
            </a:xfrm>
            <a:prstGeom prst="line">
              <a:avLst/>
            </a:prstGeom>
            <a:ln w="15875">
              <a:solidFill>
                <a:schemeClr val="accent6">
                  <a:lumMod val="50000"/>
                </a:schemeClr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4" name="Gerader Verbinder 73">
              <a:extLst>
                <a:ext uri="{FF2B5EF4-FFF2-40B4-BE49-F238E27FC236}">
                  <a16:creationId xmlns:a16="http://schemas.microsoft.com/office/drawing/2014/main" id="{D42CF460-27E8-157B-0FDA-D192249EB30F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915564" y="5179423"/>
              <a:ext cx="0" cy="94655"/>
            </a:xfrm>
            <a:prstGeom prst="line">
              <a:avLst/>
            </a:prstGeom>
            <a:ln w="15875">
              <a:solidFill>
                <a:srgbClr val="FFC000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5" name="Gerader Verbinder 74">
              <a:extLst>
                <a:ext uri="{FF2B5EF4-FFF2-40B4-BE49-F238E27FC236}">
                  <a16:creationId xmlns:a16="http://schemas.microsoft.com/office/drawing/2014/main" id="{757AF4B1-0BF8-B930-FE5D-B6A6D26FF661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120728" y="4322556"/>
              <a:ext cx="0" cy="951522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pic>
          <p:nvPicPr>
            <p:cNvPr id="76" name="Grafik 75">
              <a:extLst>
                <a:ext uri="{FF2B5EF4-FFF2-40B4-BE49-F238E27FC236}">
                  <a16:creationId xmlns:a16="http://schemas.microsoft.com/office/drawing/2014/main" id="{95F1BB53-BF47-E8F3-3883-7131F69BD2CF}"/>
                </a:ext>
              </a:extLst>
            </p:cNvPr>
            <p:cNvPicPr>
              <a:picLocks noChangeAspect="1"/>
            </p:cNvPicPr>
            <p:nvPr>
              <p:custDataLst>
                <p:tags r:id="rId6"/>
              </p:custDataLst>
            </p:nvPr>
          </p:nvPicPr>
          <p:blipFill>
            <a:blip r:embed="rId2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8776046" y="3999918"/>
              <a:ext cx="287700" cy="239107"/>
            </a:xfrm>
            <a:prstGeom prst="rect">
              <a:avLst/>
            </a:prstGeom>
          </p:spPr>
        </p:pic>
        <p:cxnSp>
          <p:nvCxnSpPr>
            <p:cNvPr id="77" name="Gerader Verbinder 76">
              <a:extLst>
                <a:ext uri="{FF2B5EF4-FFF2-40B4-BE49-F238E27FC236}">
                  <a16:creationId xmlns:a16="http://schemas.microsoft.com/office/drawing/2014/main" id="{C99B42F2-D941-E829-E65D-72FC4D77E001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710402" y="4322556"/>
              <a:ext cx="0" cy="951522"/>
            </a:xfrm>
            <a:prstGeom prst="line">
              <a:avLst/>
            </a:prstGeom>
            <a:ln w="15875">
              <a:solidFill>
                <a:schemeClr val="accent4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8" name="Gerader Verbinder 77">
              <a:extLst>
                <a:ext uri="{FF2B5EF4-FFF2-40B4-BE49-F238E27FC236}">
                  <a16:creationId xmlns:a16="http://schemas.microsoft.com/office/drawing/2014/main" id="{70193644-B2D1-0D1F-83F4-788A48A4CCEE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511691" y="5017881"/>
              <a:ext cx="0" cy="256197"/>
            </a:xfrm>
            <a:prstGeom prst="line">
              <a:avLst/>
            </a:prstGeom>
            <a:ln w="15875">
              <a:solidFill>
                <a:schemeClr val="accent6">
                  <a:lumMod val="75000"/>
                </a:schemeClr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9" name="Gerader Verbinder 78">
              <a:extLst>
                <a:ext uri="{FF2B5EF4-FFF2-40B4-BE49-F238E27FC236}">
                  <a16:creationId xmlns:a16="http://schemas.microsoft.com/office/drawing/2014/main" id="{F0A3CD70-03AC-86E1-9970-2B396CA8AC80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312982" y="5106146"/>
              <a:ext cx="0" cy="167932"/>
            </a:xfrm>
            <a:prstGeom prst="line">
              <a:avLst/>
            </a:prstGeom>
            <a:ln w="15875">
              <a:solidFill>
                <a:srgbClr val="7030A0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0" name="Gerader Verbinder 79">
              <a:extLst>
                <a:ext uri="{FF2B5EF4-FFF2-40B4-BE49-F238E27FC236}">
                  <a16:creationId xmlns:a16="http://schemas.microsoft.com/office/drawing/2014/main" id="{53F7D97F-AAF3-5C3D-8487-441EB04D2821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114273" y="5053013"/>
              <a:ext cx="0" cy="221065"/>
            </a:xfrm>
            <a:prstGeom prst="line">
              <a:avLst/>
            </a:prstGeom>
            <a:ln w="15875">
              <a:solidFill>
                <a:schemeClr val="accent6">
                  <a:lumMod val="50000"/>
                </a:schemeClr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3139194721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F0CFA929-450D-2E84-67F4-6FB16585D0C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9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569271E7-1DC3-3831-AF5E-6CC3C56820F8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846DAED9-F71E-66BC-6784-7F27588616F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Simulink </a:t>
            </a:r>
            <a:r>
              <a:rPr lang="de-DE" dirty="0" err="1"/>
              <a:t>Example</a:t>
            </a:r>
            <a:endParaRPr lang="de-DE" dirty="0"/>
          </a:p>
        </p:txBody>
      </p:sp>
      <p:grpSp>
        <p:nvGrpSpPr>
          <p:cNvPr id="7" name="Gruppieren 6">
            <a:extLst>
              <a:ext uri="{FF2B5EF4-FFF2-40B4-BE49-F238E27FC236}">
                <a16:creationId xmlns:a16="http://schemas.microsoft.com/office/drawing/2014/main" id="{30363481-E42D-FD81-1604-1DB008AE9FC2}"/>
              </a:ext>
            </a:extLst>
          </p:cNvPr>
          <p:cNvGrpSpPr/>
          <p:nvPr/>
        </p:nvGrpSpPr>
        <p:grpSpPr>
          <a:xfrm>
            <a:off x="250867" y="1964689"/>
            <a:ext cx="5966977" cy="3139712"/>
            <a:chOff x="250867" y="1964689"/>
            <a:chExt cx="5966977" cy="3139712"/>
          </a:xfrm>
        </p:grpSpPr>
        <p:pic>
          <p:nvPicPr>
            <p:cNvPr id="10" name="Grafik 9">
              <a:extLst>
                <a:ext uri="{FF2B5EF4-FFF2-40B4-BE49-F238E27FC236}">
                  <a16:creationId xmlns:a16="http://schemas.microsoft.com/office/drawing/2014/main" id="{4A62045D-B225-9408-E909-82D16C43F3F1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250867" y="1964689"/>
              <a:ext cx="5966977" cy="3139712"/>
            </a:xfrm>
            <a:prstGeom prst="rect">
              <a:avLst/>
            </a:prstGeom>
          </p:spPr>
        </p:pic>
        <p:sp>
          <p:nvSpPr>
            <p:cNvPr id="5" name="Rechteck 4">
              <a:extLst>
                <a:ext uri="{FF2B5EF4-FFF2-40B4-BE49-F238E27FC236}">
                  <a16:creationId xmlns:a16="http://schemas.microsoft.com/office/drawing/2014/main" id="{DE027257-F7D5-DC22-296B-6664CA586C9A}"/>
                </a:ext>
              </a:extLst>
            </p:cNvPr>
            <p:cNvSpPr/>
            <p:nvPr/>
          </p:nvSpPr>
          <p:spPr>
            <a:xfrm>
              <a:off x="1423851" y="2449300"/>
              <a:ext cx="52252" cy="14369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sz="1600" dirty="0"/>
            </a:p>
          </p:txBody>
        </p:sp>
      </p:grpSp>
      <p:pic>
        <p:nvPicPr>
          <p:cNvPr id="6" name="Grafik 5">
            <a:extLst>
              <a:ext uri="{FF2B5EF4-FFF2-40B4-BE49-F238E27FC236}">
                <a16:creationId xmlns:a16="http://schemas.microsoft.com/office/drawing/2014/main" id="{5757757C-DEAB-4F92-CABD-659A591FCA25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724317" y="2356513"/>
            <a:ext cx="6194383" cy="240821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2328577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ontactperson&quot;,&quot;Department&quot;) &amp; &quot;\&quot; &amp; MasterProperty(&quot;Contactperson&quot;,&quot;Displayname&quot;)]]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03,4871"/>
  <p:tag name="ORIGINALWIDTH" val="603,6746"/>
  <p:tag name="LATEXADDIN" val="\documentclass{article}&#10;\usepackage{amsmath}&#10;\pagestyle{empty}&#10;\usepackage{xcolor}&#10;\usepackage{latexsym}&#10;\usepackage{utilslide}&#10;\usepackage{units}&#10;\begin{document}&#10;&#10;&#10;$ \ind{T}{s}= 1 \unit{msec} $&#10;&#10;&#10;&#10;&#10;\end{document}"/>
  <p:tag name="IGUANATEXSIZE" val="16"/>
  <p:tag name="IGUANATEXCURSOR" val="145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304,462"/>
  <p:tag name="ORIGINALWIDTH" val="2378,703"/>
  <p:tag name="LATEXADDIN" val="\documentclass{article}&#10;\usepackage{amsmath}&#10;\pagestyle{empty}&#10;\usepackage{xcolor}&#10;\usepackage{latexsym}&#10;\usepackage{utilslide}&#10;\begin{document}&#10;&#10;\begin{eqnarray*}&#10;  \textcolor{blue}{&#10;   x[n]}       &amp;\textcolor{blue}{=}&amp;  \textcolor{blue}{c + a_1 \sin(\omega_1 n \ind{T}{s}) + a_2 \sin(\omega_2 n \ind{T}{s}),}\\&#10;              &amp; &amp; \textcolor{blue}{n=0,1,2,\ldots}&#10;\end{eqnarray*}&#10;&#10;\end{document}"/>
  <p:tag name="IGUANATEXSIZE" val="16"/>
  <p:tag name="IGUANATEXCURSOR" val="363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25,2343"/>
  <p:tag name="ORIGINALWIDTH" val="153,7308"/>
  <p:tag name="LATEXADDIN" val="\documentclass{article}&#10;\usepackage{amsmath}&#10;\pagestyle{empty}&#10;\usepackage{xcolor}&#10;\usepackage{latexsym}&#10;\usepackage{utilslide}&#10;\begin{document}&#10;&#10;\begin{equation*}&#10;  \left|X \right| &#10;\end{equation*}&#10;&#10;&#10;&#10;&#10;\end{document}"/>
  <p:tag name="IGUANATEXSIZE" val="16"/>
  <p:tag name="IGUANATEXCURSOR" val="182"/>
  <p:tag name="TRANSPARENCY" val="Wahr"/>
  <p:tag name="LATEXENGINEID" val="0"/>
  <p:tag name="TEMPFOLDER" val="c:\temp\"/>
  <p:tag name="LATEXFORMHEIGHT" val="588"/>
  <p:tag name="LATEXFORMWIDTH" val="974"/>
  <p:tag name="LATEXFORMWRAP" val="Wahr"/>
  <p:tag name="BITMAPVECTOR" val="0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13,2358"/>
  <p:tag name="ORIGINALWIDTH" val="340,4574"/>
  <p:tag name="LATEXADDIN" val="\documentclass{article}&#10;\usepackage{amsmath}&#10;\pagestyle{empty}&#10;\usepackage{xcolor}&#10;\usepackage{latexsym}&#10;\usepackage{utilslide}&#10;\begin{document}&#10;&#10;$f_1 \quad f_2$&#10;&#10;&#10;&#10;\end{document}"/>
  <p:tag name="IGUANATEXSIZE" val="16"/>
  <p:tag name="IGUANATEXCURSOR" val="157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362,2047"/>
  <p:tag name="ORIGINALWIDTH" val="2527,184"/>
  <p:tag name="LATEXADDIN" val="\documentclass{article}&#10;\usepackage{amsmath}&#10;\pagestyle{empty}&#10;\usepackage{xcolor}&#10;\usepackage{latexsym}&#10;\usepackage{utilslide}&#10;\begin{document}&#10;&#10;\begin{equation*}&#10;  X[k] = \color{teal}{\sum_{n=0}^{N-1}} \color{blue}{x_n}\;&#10;         \color{orange}{ \mathrm{e}^{-i\frac{2 \pi}{N} k n}}&#10;         \color{black}{; \quad k=0,1,2,\ldots, N-1}&#10;\end{equation*}&#10;&#10;&#10;&#10;&#10;\end{document}"/>
  <p:tag name="IGUANATEXSIZE" val="16"/>
  <p:tag name="IGUANATEXCURSOR" val="335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40,9824"/>
  <p:tag name="ORIGINALWIDTH" val="1239,595"/>
  <p:tag name="LATEXADDIN" val="\documentclass{article}&#10;\usepackage{amsmath}&#10;\pagestyle{empty}&#10;\usepackage{xcolor}&#10;\usepackage{latexsym}&#10;\usepackage{utilslide}&#10;\begin{document}&#10;&#10;\begin{equation*}&#10;   \color{orange}{\mathrm{e}^{i \varphi}=\cos(\varphi) + i\;\sin(\varphi) } &#10;\end{equation*}&#10;&#10;&#10;&#10;&#10;\end{document}"/>
  <p:tag name="IGUANATEXSIZE" val="16"/>
  <p:tag name="IGUANATEXCURSOR" val="238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25,2343"/>
  <p:tag name="ORIGINALWIDTH" val="2371,203"/>
  <p:tag name="LATEXADDIN" val="\documentclass{article}&#10;\usepackage{amsmath}&#10;\pagestyle{empty}&#10;\usepackage{xcolor}&#10;\usepackage{latexsym}&#10;\usepackage{utilslide}&#10;\begin{document}&#10;&#10;\begin{equation*}&#10;  \left[ X_0 \; X_1 \; X_2 \; \ldots X_{N-1} \right] =&#10;  \color{blue}{\left[ x_0 \; x_1 \; x_2 \; \ldots x_{N-1} \right]}&#10;\cdot&#10;\end{equation*}&#10;&#10;&#10;&#10;&#10;\end{document}"/>
  <p:tag name="IGUANATEXSIZE" val="16"/>
  <p:tag name="IGUANATEXCURSOR" val="291"/>
  <p:tag name="TRANSPARENCY" val="Wahr"/>
  <p:tag name="LATEXENGINEID" val="0"/>
  <p:tag name="TEMPFOLDER" val="c:\temp\"/>
  <p:tag name="LATEXFORMHEIGHT" val="588"/>
  <p:tag name="LATEXFORMWIDTH" val="974"/>
  <p:tag name="LATEXFORMWRAP" val="Wahr"/>
  <p:tag name="BITMAPVECTOR" val="0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84,73937"/>
  <p:tag name="ORIGINALWIDTH" val="383,2021"/>
  <p:tag name="LATEXADDIN" val="\documentclass{article}&#10;\usepackage{amsmath}&#10;\pagestyle{empty}&#10;\usepackage{xcolor}&#10;\usepackage{latexsym}&#10;\usepackage{utilslide}&#10;\begin{document}&#10;&#10;$1\;\times\; N$&#10;&#10;&#10;&#10;&#10;\end{document}"/>
  <p:tag name="IGUANATEXSIZE" val="12"/>
  <p:tag name="IGUANATEXCURSOR" val="160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84,73937"/>
  <p:tag name="ORIGINALWIDTH" val="383,2021"/>
  <p:tag name="LATEXADDIN" val="\documentclass{article}&#10;\usepackage{amsmath}&#10;\pagestyle{empty}&#10;\usepackage{xcolor}&#10;\usepackage{latexsym}&#10;\usepackage{utilslide}&#10;\begin{document}&#10;&#10;$1\;\times\; N$&#10;&#10;&#10;&#10;&#10;\end{document}"/>
  <p:tag name="IGUANATEXSIZE" val="12"/>
  <p:tag name="IGUANATEXCURSOR" val="160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84,73937"/>
  <p:tag name="ORIGINALWIDTH" val="440,9449"/>
  <p:tag name="LATEXADDIN" val="\documentclass{article}&#10;\usepackage{amsmath}&#10;\pagestyle{empty}&#10;\usepackage{xcolor}&#10;\usepackage{latexsym}&#10;\usepackage{utilslide}&#10;\begin{document}&#10;&#10;$N\;\times\; N$&#10;&#10;&#10;&#10;&#10;\end{document}"/>
  <p:tag name="IGUANATEXSIZE" val="12"/>
  <p:tag name="IGUANATEXCURSOR" val="148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ustomField&quot;,&quot;PresentationTitle&quot;)]]&#10;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25,2343"/>
  <p:tag name="ORIGINALWIDTH" val="153,7308"/>
  <p:tag name="LATEXADDIN" val="\documentclass{article}&#10;\usepackage{amsmath}&#10;\pagestyle{empty}&#10;\usepackage{xcolor}&#10;\usepackage{latexsym}&#10;\usepackage{utilslide}&#10;\begin{document}&#10;&#10;\begin{equation*}&#10;  \left|X \right| &#10;\end{equation*}&#10;&#10;&#10;&#10;&#10;\end{document}"/>
  <p:tag name="IGUANATEXSIZE" val="16"/>
  <p:tag name="IGUANATEXCURSOR" val="182"/>
  <p:tag name="TRANSPARENCY" val="Wahr"/>
  <p:tag name="LATEXENGINEID" val="0"/>
  <p:tag name="TEMPFOLDER" val="c:\temp\"/>
  <p:tag name="LATEXFORMHEIGHT" val="588"/>
  <p:tag name="LATEXFORMWIDTH" val="974"/>
  <p:tag name="LATEXFORMWRAP" val="Wahr"/>
  <p:tag name="BITMAPVECTOR" val="0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597,6753"/>
  <p:tag name="ORIGINALWIDTH" val="1885,264"/>
  <p:tag name="LATEXADDIN" val="\documentclass{article}&#10;\usepackage{amsmath}&#10;\pagestyle{empty}&#10;\usepackage{xcolor}&#10;\usepackage{latexsym}&#10;\usepackage{utilslide}&#10;\begin{document}&#10;&#10;\begin{equation*}&#10;\color{orange}{&#10;\left[&#10; \begin{array}{rrrr}&#10; k=0 &amp; k=1 &amp; \ldots &amp; k=N-1\\&#10;  &amp; &amp; &amp; \\&#10;  &amp; &amp; &amp; \\&#10;  &amp; &amp; &amp;&#10;  \end{array}&#10;\right]&#10;}&#10;\end{equation*}&#10;&#10;&#10;&#10;&#10;\end{document}"/>
  <p:tag name="IGUANATEXSIZE" val="16"/>
  <p:tag name="IGUANATEXCURSOR" val="163"/>
  <p:tag name="TRANSPARENCY" val="Wahr"/>
  <p:tag name="LATEXENGINEID" val="0"/>
  <p:tag name="TEMPFOLDER" val="c:\temp\"/>
  <p:tag name="LATEXFORMHEIGHT" val="588"/>
  <p:tag name="LATEXFORMWIDTH" val="974"/>
  <p:tag name="LATEXFORMWRAP" val="Wahr"/>
  <p:tag name="BITMAPVECTOR" val="0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73,2283"/>
  <p:tag name="ORIGINALWIDTH" val="831,6461"/>
  <p:tag name="LATEXADDIN" val="\documentclass{article}&#10;\usepackage{amsmath}&#10;\pagestyle{empty}&#10;\usepackage{xcolor}&#10;\usepackage{latexsym}&#10;\usepackage{utilslide}&#10;\begin{document}&#10;&#10;$\color{orange}{\ind{f}{Ny} = \frac{\ind{f}{s}}{2} = \frac{1}{2\;\ind{T}{s}} }$&#10;&#10;&#10;&#10;&#10;\end{document}"/>
  <p:tag name="IGUANATEXSIZE" val="16"/>
  <p:tag name="IGUANATEXCURSOR" val="224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73,2283"/>
  <p:tag name="ORIGINALWIDTH" val="831,6461"/>
  <p:tag name="LATEXADDIN" val="\documentclass{article}&#10;\usepackage{amsmath}&#10;\pagestyle{empty}&#10;\usepackage{xcolor}&#10;\usepackage{latexsym}&#10;\usepackage{utilslide}&#10;\begin{document}&#10;&#10;$\color{orange}{\ind{f}{Ny} = \frac{\ind{f}{s}}{2} = \frac{1}{2\;\ind{T}{s}} }$&#10;&#10;&#10;&#10;&#10;\end{document}"/>
  <p:tag name="IGUANATEXSIZE" val="16"/>
  <p:tag name="IGUANATEXCURSOR" val="224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25,2343"/>
  <p:tag name="ORIGINALWIDTH" val="153,7308"/>
  <p:tag name="LATEXADDIN" val="\documentclass{article}&#10;\usepackage{amsmath}&#10;\pagestyle{empty}&#10;\usepackage{xcolor}&#10;\usepackage{latexsym}&#10;\usepackage{utilslide}&#10;\begin{document}&#10;&#10;\begin{equation*}&#10;  \left|X \right| &#10;\end{equation*}&#10;&#10;&#10;&#10;&#10;\end{document}"/>
  <p:tag name="IGUANATEXSIZE" val="16"/>
  <p:tag name="IGUANATEXCURSOR" val="182"/>
  <p:tag name="TRANSPARENCY" val="Wahr"/>
  <p:tag name="LATEXENGINEID" val="0"/>
  <p:tag name="TEMPFOLDER" val="c:\temp\"/>
  <p:tag name="LATEXFORMHEIGHT" val="588"/>
  <p:tag name="LATEXFORMWIDTH" val="974"/>
  <p:tag name="LATEXFORMWRAP" val="Wahr"/>
  <p:tag name="BITMAPVECTOR" val="0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89,23882"/>
  <p:tag name="ORIGINALWIDTH" val="285,7143"/>
  <p:tag name="LATEXADDIN" val="\documentclass{article}&#10;\usepackage{amsmath}&#10;\pagestyle{empty}&#10;\usepackage{xcolor}&#10;\usepackage{latexsym}&#10;\usepackage{utilslide}&#10;\begin{document}&#10;&#10;$\color{teal}{k=0} $&#10;&#10;&#10;&#10;&#10;\end{document}"/>
  <p:tag name="IGUANATEXSIZE" val="16"/>
  <p:tag name="IGUANATEXCURSOR" val="158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87,73905"/>
  <p:tag name="ORIGINALWIDTH" val="280,465"/>
  <p:tag name="LATEXADDIN" val="\documentclass{article}&#10;\usepackage{amsmath}&#10;\pagestyle{empty}&#10;\usepackage{xcolor}&#10;\usepackage{latexsym}&#10;\usepackage{utilslide}&#10;\begin{document}&#10;&#10;$\color{teal}{k=1} $&#10;&#10;&#10;&#10;&#10;\end{document}"/>
  <p:tag name="IGUANATEXSIZE" val="16"/>
  <p:tag name="IGUANATEXCURSOR" val="163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87,73905"/>
  <p:tag name="ORIGINALWIDTH" val="284,2145"/>
  <p:tag name="LATEXADDIN" val="\documentclass{article}&#10;\usepackage{amsmath}&#10;\pagestyle{empty}&#10;\usepackage{xcolor}&#10;\usepackage{latexsym}&#10;\usepackage{utilslide}&#10;\begin{document}&#10;&#10;$\color{teal}{k=2} $&#10;&#10;&#10;&#10;&#10;\end{document}"/>
  <p:tag name="IGUANATEXSIZE" val="16"/>
  <p:tag name="IGUANATEXCURSOR" val="163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73,2283"/>
  <p:tag name="ORIGINALWIDTH" val="1571,054"/>
  <p:tag name="LATEXADDIN" val="\documentclass{article}&#10;\usepackage{amsmath}&#10;\pagestyle{empty}&#10;\usepackage{xcolor}&#10;\usepackage{latexsym}&#10;\usepackage{utilslide}&#10;\begin{document}&#10;&#10;Frequency $f(\color{teal}{k}\color{black}{)} = \frac{ \color{teal}{k} } { \color{orange}{N \cdot \ind{T}{s}}  } &#10;= \frac{\color{teal}{k} \color{orange}{\ind{f}{s}}}{\color{orange}{N}} $&#10;&#10;&#10;&#10;&#10;\end{document}"/>
  <p:tag name="IGUANATEXSIZE" val="16"/>
  <p:tag name="IGUANATEXCURSOR" val="190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59,73"/>
  <p:tag name="ORIGINALWIDTH" val="443,1946"/>
  <p:tag name="LATEXADDIN" val="\documentclass{article}&#10;\usepackage{amsmath}&#10;\pagestyle{empty}&#10;\usepackage{xcolor}&#10;\usepackage{latexsym}&#10;\usepackage{utilslide}&#10;\begin{document}&#10;&#10;$\Delta f = \frac{ \color{orange}{\ind{f}{s}}}{\color{orange}{N}} $&#10;&#10;&#10;&#10;&#10;\end{document}"/>
  <p:tag name="IGUANATEXSIZE" val="16"/>
  <p:tag name="IGUANATEXCURSOR" val="164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MasterProperty(&quot;CustomField&quot;, &quot;DocumentCreatedDate&quot;)=&quot;&quot;,&quot;&quot;,Translate(&quot;Doc.PPT.Created&quot;) &amp; &quot; &quot; &amp; MasterProperty(&quot;CustomField&quot;, &quot;DocumentCreatedDate&quot;))]]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25,2343"/>
  <p:tag name="ORIGINALWIDTH" val="153,7308"/>
  <p:tag name="LATEXADDIN" val="\documentclass{article}&#10;\usepackage{amsmath}&#10;\pagestyle{empty}&#10;\usepackage{xcolor}&#10;\usepackage{latexsym}&#10;\usepackage{utilslide}&#10;\begin{document}&#10;&#10;\begin{equation*}&#10;  \left|X \right| &#10;\end{equation*}&#10;&#10;&#10;&#10;&#10;\end{document}"/>
  <p:tag name="IGUANATEXSIZE" val="16"/>
  <p:tag name="IGUANATEXCURSOR" val="182"/>
  <p:tag name="TRANSPARENCY" val="Wahr"/>
  <p:tag name="LATEXENGINEID" val="0"/>
  <p:tag name="TEMPFOLDER" val="c:\temp\"/>
  <p:tag name="LATEXFORMHEIGHT" val="588"/>
  <p:tag name="LATEXFORMWIDTH" val="974"/>
  <p:tag name="LATEXFORMWRAP" val="Wahr"/>
  <p:tag name="BITMAPVECTOR" val="0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14,7357"/>
  <p:tag name="ORIGINALWIDTH" val="167,2291"/>
  <p:tag name="LATEXADDIN" val="\documentclass{article}&#10;\usepackage{amsmath}&#10;\pagestyle{empty}&#10;\usepackage{xcolor}&#10;\usepackage{latexsym}&#10;\usepackage{utilslide}&#10;\begin{document}&#10;&#10;$\Delta f $&#10;&#10;&#10;&#10;&#10;\end{document}"/>
  <p:tag name="IGUANATEXSIZE" val="16"/>
  <p:tag name="IGUANATEXCURSOR" val="156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13,2358"/>
  <p:tag name="ORIGINALWIDTH" val="581,9272"/>
  <p:tag name="LATEXADDIN" val="\documentclass{article}&#10;\usepackage{amsmath}&#10;\pagestyle{empty}&#10;\usepackage{xcolor}&#10;\usepackage{latexsym}&#10;\usepackage{utilslide}&#10;\begin{document}&#10;&#10;$\color{teal}{f_0}\quad \color{black}{f_1} \quad f_2$&#10;&#10;&#10;&#10;&#10;\end{document}"/>
  <p:tag name="IGUANATEXSIZE" val="16"/>
  <p:tag name="IGUANATEXCURSOR" val="158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25,2343"/>
  <p:tag name="ORIGINALWIDTH" val="221,9723"/>
  <p:tag name="LATEXADDIN" val="\documentclass{article}&#10;\usepackage{amsmath}&#10;\pagestyle{empty}&#10;\usepackage{xcolor}&#10;\usepackage{latexsym}&#10;\usepackage{utilslide}&#10;\begin{document}&#10;&#10;$f(k)$&#10;&#10;&#10;&#10;&#10;\end{document}"/>
  <p:tag name="IGUANATEXSIZE" val="16"/>
  <p:tag name="IGUANATEXCURSOR" val="151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31,9835"/>
  <p:tag name="ORIGINALWIDTH" val="787,4016"/>
  <p:tag name="LATEXADDIN" val="\documentclass{article}&#10;\usepackage{amsmath}&#10;\pagestyle{empty}&#10;\usepackage{xcolor}&#10;\usepackage{latexsym}&#10;\usepackage{utilslide}&#10;\begin{document}&#10;&#10;$\ldots \quad \color{orange}{f_{N/2}} \quad \color{black}{ \ldots}$&#10;&#10;&#10;&#10;&#10;\end{document}"/>
  <p:tag name="IGUANATEXSIZE" val="16"/>
  <p:tag name="IGUANATEXCURSOR" val="160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73,2283"/>
  <p:tag name="ORIGINALWIDTH" val="831,6461"/>
  <p:tag name="LATEXADDIN" val="\documentclass{article}&#10;\usepackage{amsmath}&#10;\pagestyle{empty}&#10;\usepackage{xcolor}&#10;\usepackage{latexsym}&#10;\usepackage{utilslide}&#10;\begin{document}&#10;&#10;$\color{orange}{\ind{f}{Ny} = \frac{\ind{f}{s}}{2} = \frac{1}{2\;\ind{T}{s}} }$&#10;&#10;&#10;&#10;&#10;\end{document}"/>
  <p:tag name="IGUANATEXSIZE" val="16"/>
  <p:tag name="IGUANATEXCURSOR" val="224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59,73"/>
  <p:tag name="ORIGINALWIDTH" val="443,1946"/>
  <p:tag name="LATEXADDIN" val="\documentclass{article}&#10;\usepackage{amsmath}&#10;\pagestyle{empty}&#10;\usepackage{xcolor}&#10;\usepackage{latexsym}&#10;\usepackage{utilslide}&#10;\begin{document}&#10;&#10;$\Delta f = \frac{ \color{orange}{\ind{f}{s}}}{\color{orange}{N}} $&#10;&#10;&#10;&#10;&#10;\end{document}"/>
  <p:tag name="IGUANATEXSIZE" val="16"/>
  <p:tag name="IGUANATEXCURSOR" val="164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41,7323"/>
  <p:tag name="ORIGINALWIDTH" val="997,3754"/>
  <p:tag name="LATEXADDIN" val="\documentclass{article}&#10;\usepackage{amsmath}&#10;\pagestyle{empty}&#10;\usepackage{xcolor}&#10;\usepackage{latexsym}&#10;\usepackage{utilslide}&#10;\begin{document}&#10;&#10;$N = 2^\zeta; \quad \zeta \in I\!\!N_0^+$&#10;&#10;&#10;&#10;&#10;\end{document}"/>
  <p:tag name="IGUANATEXSIZE" val="16"/>
  <p:tag name="IGUANATEXCURSOR" val="186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25,2343"/>
  <p:tag name="ORIGINALWIDTH" val="153,7308"/>
  <p:tag name="LATEXADDIN" val="\documentclass{article}&#10;\usepackage{amsmath}&#10;\pagestyle{empty}&#10;\usepackage{xcolor}&#10;\usepackage{latexsym}&#10;\usepackage{utilslide}&#10;\begin{document}&#10;&#10;\begin{equation*}&#10;  \left|X \right| &#10;\end{equation*}&#10;&#10;&#10;&#10;&#10;\end{document}"/>
  <p:tag name="IGUANATEXSIZE" val="16"/>
  <p:tag name="IGUANATEXCURSOR" val="182"/>
  <p:tag name="TRANSPARENCY" val="Wahr"/>
  <p:tag name="LATEXENGINEID" val="0"/>
  <p:tag name="TEMPFOLDER" val="c:\temp\"/>
  <p:tag name="LATEXFORMHEIGHT" val="588"/>
  <p:tag name="LATEXFORMWIDTH" val="974"/>
  <p:tag name="LATEXFORMWRAP" val="Wahr"/>
  <p:tag name="BITMAPVECTOR" val="0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14,7357"/>
  <p:tag name="ORIGINALWIDTH" val="167,2291"/>
  <p:tag name="LATEXADDIN" val="\documentclass{article}&#10;\usepackage{amsmath}&#10;\pagestyle{empty}&#10;\usepackage{xcolor}&#10;\usepackage{latexsym}&#10;\usepackage{utilslide}&#10;\begin{document}&#10;&#10;$\Delta f $&#10;&#10;&#10;&#10;&#10;\end{document}"/>
  <p:tag name="IGUANATEXSIZE" val="16"/>
  <p:tag name="IGUANATEXCURSOR" val="156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MasterProperty(&quot;CustomField&quot;, &quot;DocumentModifiedDate&quot;)=&quot;&quot;,&quot;&quot;,Translate(&quot;Doc.PPT.Modified&quot;) &amp; &quot; &quot; &amp; MasterProperty(&quot;CustomField&quot;, &quot;DocumentModifiedDate&quot;))]]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13,2358"/>
  <p:tag name="ORIGINALWIDTH" val="581,9272"/>
  <p:tag name="LATEXADDIN" val="\documentclass{article}&#10;\usepackage{amsmath}&#10;\pagestyle{empty}&#10;\usepackage{xcolor}&#10;\usepackage{latexsym}&#10;\usepackage{utilslide}&#10;\begin{document}&#10;&#10;$\color{teal}{f_0}\quad \color{black}{f_1} \quad f_2$&#10;&#10;&#10;&#10;&#10;\end{document}"/>
  <p:tag name="IGUANATEXSIZE" val="16"/>
  <p:tag name="IGUANATEXCURSOR" val="158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25,2343"/>
  <p:tag name="ORIGINALWIDTH" val="221,9723"/>
  <p:tag name="LATEXADDIN" val="\documentclass{article}&#10;\usepackage{amsmath}&#10;\pagestyle{empty}&#10;\usepackage{xcolor}&#10;\usepackage{latexsym}&#10;\usepackage{utilslide}&#10;\begin{document}&#10;&#10;$f(k)$&#10;&#10;&#10;&#10;&#10;\end{document}"/>
  <p:tag name="IGUANATEXSIZE" val="16"/>
  <p:tag name="IGUANATEXCURSOR" val="151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31,9835"/>
  <p:tag name="ORIGINALWIDTH" val="787,4016"/>
  <p:tag name="LATEXADDIN" val="\documentclass{article}&#10;\usepackage{amsmath}&#10;\pagestyle{empty}&#10;\usepackage{xcolor}&#10;\usepackage{latexsym}&#10;\usepackage{utilslide}&#10;\begin{document}&#10;&#10;$\ldots \quad \color{orange}{f_{N/2}} \quad \color{black}{ \ldots}$&#10;&#10;&#10;&#10;&#10;\end{document}"/>
  <p:tag name="IGUANATEXSIZE" val="16"/>
  <p:tag name="IGUANATEXCURSOR" val="160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362,2047"/>
  <p:tag name="ORIGINALWIDTH" val="2121,485"/>
  <p:tag name="LATEXADDIN" val="\documentclass{article}&#10;\usepackage{amsmath}&#10;\pagestyle{empty}&#10;\usepackage{xcolor}&#10;\usepackage{latexsym}&#10;\usepackage{utilslide}&#10;\begin{document}&#10;&#10;\begin{equation*}&#10;  X[k] = \color{teal}{\sum_{n=0}^{N-1}} \color{blue}{x_n}\;&#10;         \color{orange}{ \mathrm{e}^{-i\frac{2 \pi}{N} k n}}&#10;         \color{black}{; \quad k=0,1,2,\ldots}&#10;\end{equation*}&#10;&#10;&#10;&#10;&#10;\end{document}"/>
  <p:tag name="IGUANATEXSIZE" val="16"/>
  <p:tag name="IGUANATEXCURSOR" val="331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40,9824"/>
  <p:tag name="ORIGINALWIDTH" val="1239,595"/>
  <p:tag name="LATEXADDIN" val="\documentclass{article}&#10;\usepackage{amsmath}&#10;\pagestyle{empty}&#10;\usepackage{xcolor}&#10;\usepackage{latexsym}&#10;\usepackage{utilslide}&#10;\begin{document}&#10;&#10;\begin{equation*}&#10;   \color{orange}{\mathrm{e}^{i \varphi}=\cos(\varphi) + i\;\sin(\varphi) } &#10;\end{equation*}&#10;&#10;&#10;&#10;&#10;\end{document}"/>
  <p:tag name="IGUANATEXSIZE" val="16"/>
  <p:tag name="IGUANATEXCURSOR" val="238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597,6753"/>
  <p:tag name="ORIGINALWIDTH" val="4306,712"/>
  <p:tag name="LATEXADDIN" val="\documentclass{article}&#10;\usepackage{amsmath}&#10;\pagestyle{empty}&#10;\usepackage{xcolor}&#10;\usepackage{latexsym}&#10;\usepackage{utilslide}&#10;\begin{document}&#10;&#10;\begin{equation*}&#10;  \left[ X_0 \; X_1 \; X_2 \; \ldots X_{N-1} \right] =&#10;  \color{blue}{\left[ x_0 \; x_1 \; x_2 \; \ldots x_{N-1} \right]}&#10;\cdot&#10;\color{orange}{&#10;\left[&#10; \begin{array}{rrrr}&#10; k=0 &amp; k=1 &amp; \ldots &amp; k=N-1\\&#10;  &amp; &amp; &amp; \\&#10;  &amp; &amp; &amp; \\&#10;  &amp; &amp; &amp;&#10;  \end{array}&#10;\right]&#10;}&#10;\end{equation*}&#10;&#10;&#10;&#10;&#10;\end{document}"/>
  <p:tag name="IGUANATEXSIZE" val="16"/>
  <p:tag name="IGUANATEXCURSOR" val="305"/>
  <p:tag name="TRANSPARENCY" val="Wahr"/>
  <p:tag name="LATEXENGINEID" val="0"/>
  <p:tag name="TEMPFOLDER" val="c:\temp\"/>
  <p:tag name="LATEXFORMHEIGHT" val="588"/>
  <p:tag name="LATEXFORMWIDTH" val="974"/>
  <p:tag name="LATEXFORMWRAP" val="Wahr"/>
  <p:tag name="BITMAPVECTOR" val="0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84,73937"/>
  <p:tag name="ORIGINALWIDTH" val="383,2021"/>
  <p:tag name="LATEXADDIN" val="\documentclass{article}&#10;\usepackage{amsmath}&#10;\pagestyle{empty}&#10;\usepackage{xcolor}&#10;\usepackage{latexsym}&#10;\usepackage{utilslide}&#10;\begin{document}&#10;&#10;$1\;\times\; N$&#10;&#10;&#10;&#10;&#10;\end{document}"/>
  <p:tag name="IGUANATEXSIZE" val="12"/>
  <p:tag name="IGUANATEXCURSOR" val="160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84,73937"/>
  <p:tag name="ORIGINALWIDTH" val="383,2021"/>
  <p:tag name="LATEXADDIN" val="\documentclass{article}&#10;\usepackage{amsmath}&#10;\pagestyle{empty}&#10;\usepackage{xcolor}&#10;\usepackage{latexsym}&#10;\usepackage{utilslide}&#10;\begin{document}&#10;&#10;$1\;\times\; N$&#10;&#10;&#10;&#10;&#10;\end{document}"/>
  <p:tag name="IGUANATEXSIZE" val="12"/>
  <p:tag name="IGUANATEXCURSOR" val="160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84,73937"/>
  <p:tag name="ORIGINALWIDTH" val="440,9449"/>
  <p:tag name="LATEXADDIN" val="\documentclass{article}&#10;\usepackage{amsmath}&#10;\pagestyle{empty}&#10;\usepackage{xcolor}&#10;\usepackage{latexsym}&#10;\usepackage{utilslide}&#10;\begin{document}&#10;&#10;$N\;\times\; N$&#10;&#10;&#10;&#10;&#10;\end{document}"/>
  <p:tag name="IGUANATEXSIZE" val="12"/>
  <p:tag name="IGUANATEXCURSOR" val="148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597,6753"/>
  <p:tag name="ORIGINALWIDTH" val="1885,264"/>
  <p:tag name="LATEXADDIN" val="\documentclass{article}&#10;\usepackage{amsmath}&#10;\pagestyle{empty}&#10;\usepackage{xcolor}&#10;\usepackage{latexsym}&#10;\usepackage{utilslide}&#10;\begin{document}&#10;&#10;\begin{equation*}&#10;\color{orange}{&#10;\left[&#10; \begin{array}{rrrr}&#10; k=0 &amp; k=1 &amp; \ldots &amp; k=N-1\\&#10;  &amp; &amp; &amp; \\&#10;  &amp; &amp; &amp; \\&#10;  &amp; &amp; &amp;&#10;  \end{array}&#10;\right]&#10;}&#10;\end{equation*}&#10;&#10;&#10;&#10;&#10;\end{document}"/>
  <p:tag name="IGUANATEXSIZE" val="16"/>
  <p:tag name="IGUANATEXCURSOR" val="163"/>
  <p:tag name="TRANSPARENCY" val="Wahr"/>
  <p:tag name="LATEXENGINEID" val="0"/>
  <p:tag name="TEMPFOLDER" val="c:\temp\"/>
  <p:tag name="LATEXFORMHEIGHT" val="588"/>
  <p:tag name="LATEXFORMWIDTH" val="974"/>
  <p:tag name="LATEXFORMWRAP" val="Wahr"/>
  <p:tag name="BITMAPVECTOR" val="0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MasterProperty(&quot;CustomField&quot;, &quot;Status&quot;)=&quot;&quot;,&quot;&quot;,Translate(&quot;Doc.PPT.Status&quot;) &amp; &quot; &quot; &amp; MasterProperty(&quot;CustomField&quot;, &quot;Status&quot;))]]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73,2283"/>
  <p:tag name="ORIGINALWIDTH" val="831,6461"/>
  <p:tag name="LATEXADDIN" val="\documentclass{article}&#10;\usepackage{amsmath}&#10;\pagestyle{empty}&#10;\usepackage{xcolor}&#10;\usepackage{latexsym}&#10;\usepackage{utilslide}&#10;\begin{document}&#10;&#10;$\color{orange}{\ind{f}{Ny} = \frac{\ind{f}{s}}{2} = \frac{1}{2\;\ind{T}{s}} }$&#10;&#10;&#10;&#10;&#10;\end{document}"/>
  <p:tag name="IGUANATEXSIZE" val="16"/>
  <p:tag name="IGUANATEXCURSOR" val="224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25,2343"/>
  <p:tag name="ORIGINALWIDTH" val="153,7308"/>
  <p:tag name="LATEXADDIN" val="\documentclass{article}&#10;\usepackage{amsmath}&#10;\pagestyle{empty}&#10;\usepackage{xcolor}&#10;\usepackage{latexsym}&#10;\usepackage{utilslide}&#10;\begin{document}&#10;&#10;\begin{equation*}&#10;  \left|X \right| &#10;\end{equation*}&#10;&#10;&#10;&#10;&#10;\end{document}"/>
  <p:tag name="IGUANATEXSIZE" val="16"/>
  <p:tag name="IGUANATEXCURSOR" val="182"/>
  <p:tag name="TRANSPARENCY" val="Wahr"/>
  <p:tag name="LATEXENGINEID" val="0"/>
  <p:tag name="TEMPFOLDER" val="c:\temp\"/>
  <p:tag name="LATEXFORMHEIGHT" val="588"/>
  <p:tag name="LATEXFORMWIDTH" val="974"/>
  <p:tag name="LATEXFORMWRAP" val="Wahr"/>
  <p:tag name="BITMAPVECTOR" val="0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338,9576"/>
  <p:tag name="ORIGINALWIDTH" val="1506,562"/>
  <p:tag name="LATEXADDIN" val="\documentclass{article}&#10;\usepackage{amsmath}&#10;\pagestyle{empty}&#10;\usepackage{xcolor}&#10;\usepackage{latexsym}&#10;\usepackage{utilslide}&#10;\begin{document}&#10;&#10;\begin{tabular}{|c|c|c|c|}&#10;\hline&#10;  $N$   &amp; 1000    &amp; $10^6$ &amp; $10^9$\\&#10;\hline \hline&#10; $N^2$  &amp; $10^6$  &amp; $10^12$ &amp; $10^18$ \\&#10;\hline&#10;\end{tabular}&#10;&#10;&#10;&#10;\end{document}"/>
  <p:tag name="IGUANATEXSIZE" val="16"/>
  <p:tag name="IGUANATEXCURSOR" val="179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MasterProperty(&quot;CustomField&quot;, &quot;Classification&quot;)=&quot;&quot;,&quot;&quot;,Translate(&quot;Doc.PPT.Classification&quot;) &amp; &quot; &quot; &amp; MasterProperty(&quot;CustomField&quot;, &quot;Classification&quot;))]]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25,2343"/>
  <p:tag name="ORIGINALWIDTH" val="1694,038"/>
  <p:tag name="LATEXADDIN" val="\documentclass{article}&#10;\usepackage{amsmath}&#10;\pagestyle{empty}&#10;\usepackage{xcolor}&#10;\usepackage{latexsym}&#10;\usepackage{utilslide}&#10;\begin{document}&#10;&#10;\begin{equation*}&#10; x(t) = % c + &#10;        a_1 \sin(\omega_1 t) + a_2 \sin(\omega_2 t);&#10;\end{equation*}&#10;&#10;\end{document}"/>
  <p:tag name="IGUANATEXSIZE" val="16"/>
  <p:tag name="IGUANATEXCURSOR" val="218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875,8905"/>
  <p:tag name="ORIGINALWIDTH" val="1079,115"/>
  <p:tag name="LATEXADDIN" val="\documentclass{article}&#10;\usepackage{amsmath}&#10;\pagestyle{empty}&#10;\usepackage{xcolor}&#10;\usepackage{latexsym}&#10;\usepackage{utilslide}&#10;\usepackage{units}&#10;\begin{document}&#10;&#10;% Parameter:&#10;\begin{eqnarray*}&#10; % c &amp;=&amp; 0\\&#10; a_1 &amp;=&amp; 1.5\\&#10; \omega_1 &amp;=&amp; 2\; \pi\; 100\; \unit{Hz} \\ % \unit{rad/sec}\\&#10; a_2 &amp;=&amp; 2\\&#10; \omega_2 &amp;=&amp; 2\; \pi\; \underbrace{300\; \unit{Hz}}_{f_2 = \frac{1}{T_2}} % \unit{rad/sec}\\&#10;\end{eqnarray*}&#10;&#10;\end{document}"/>
  <p:tag name="IGUANATEXSIZE" val="16"/>
  <p:tag name="IGUANATEXCURSOR" val="296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25,2343"/>
  <p:tag name="ORIGINALWIDTH" val="1061,117"/>
  <p:tag name="LATEXADDIN" val="\documentclass{article}&#10;\usepackage{amsmath}&#10;\pagestyle{empty}&#10;\usepackage{xcolor}&#10;\usepackage{latexsym}&#10;\usepackage{utilslide}&#10;\usepackage{units}&#10;\begin{document}&#10;&#10;Note: $\left[\omega\right] = \unit{rad/sec}$&#10;&#10;\end{document}"/>
  <p:tag name="IGUANATEXSIZE" val="16"/>
  <p:tag name="IGUANATEXCURSOR" val="209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heme/theme1.xml><?xml version="1.0" encoding="utf-8"?>
<a:theme xmlns:a="http://schemas.openxmlformats.org/drawingml/2006/main" name="Default Theme">
  <a:themeElements>
    <a:clrScheme name="Festo Colors CC-D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717E86"/>
      </a:accent1>
      <a:accent2>
        <a:srgbClr val="B6C0C6"/>
      </a:accent2>
      <a:accent3>
        <a:srgbClr val="D9DEE1"/>
      </a:accent3>
      <a:accent4>
        <a:srgbClr val="0091DC"/>
      </a:accent4>
      <a:accent5>
        <a:srgbClr val="73C4EF"/>
      </a:accent5>
      <a:accent6>
        <a:srgbClr val="C9E6FA"/>
      </a:accent6>
      <a:hlink>
        <a:srgbClr val="000000"/>
      </a:hlink>
      <a:folHlink>
        <a:srgbClr val="717E86"/>
      </a:folHlink>
    </a:clrScheme>
    <a:fontScheme name="MetaPlusLF">
      <a:majorFont>
        <a:latin typeface="MetaPlusLF"/>
        <a:ea typeface=""/>
        <a:cs typeface=""/>
      </a:majorFont>
      <a:minorFont>
        <a:latin typeface="MetaPlusLF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2"/>
        </a:solidFill>
        <a:ln>
          <a:noFill/>
        </a:ln>
      </a:spPr>
      <a:bodyPr rtlCol="0" anchor="ctr"/>
      <a:lstStyle>
        <a:defPPr algn="ctr">
          <a:defRPr sz="1600" dirty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none" rtlCol="0">
        <a:spAutoFit/>
      </a:bodyPr>
      <a:lstStyle>
        <a:defPPr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Default Theme" id="{F2052123-57E8-4411-9BDA-66A262E3026D}" vid="{CBFB1F63-A884-4BA1-89EC-B1622470A336}"/>
    </a:ext>
  </a:extLst>
</a:theme>
</file>

<file path=ppt/theme/theme2.xml><?xml version="1.0" encoding="utf-8"?>
<a:theme xmlns:a="http://schemas.openxmlformats.org/drawingml/2006/main" name="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Default Theme</Template>
  <TotalTime>0</TotalTime>
  <Words>1004</Words>
  <Application>Microsoft Office PowerPoint</Application>
  <PresentationFormat>Benutzerdefiniert</PresentationFormat>
  <Paragraphs>193</Paragraphs>
  <Slides>20</Slides>
  <Notes>13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5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20</vt:i4>
      </vt:variant>
    </vt:vector>
  </HeadingPairs>
  <TitlesOfParts>
    <vt:vector size="26" baseType="lpstr">
      <vt:lpstr>Helvetica</vt:lpstr>
      <vt:lpstr>Arial</vt:lpstr>
      <vt:lpstr>Cambria Math</vt:lpstr>
      <vt:lpstr>Calibri</vt:lpstr>
      <vt:lpstr>MetaPlusLF</vt:lpstr>
      <vt:lpstr>Default Theme</vt:lpstr>
      <vt:lpstr>How-to Implement a DFT on a Real-Time System</vt:lpstr>
      <vt:lpstr>FFT/DFT in Real-Time | Objectives</vt:lpstr>
      <vt:lpstr>FFT/DFT in Real-Time | Discrete Fourier Transform (DFT)</vt:lpstr>
      <vt:lpstr>FFT in Real-Time | Practical Issues: one- / two-sided FFT</vt:lpstr>
      <vt:lpstr>FFT in Real-Time | Practical Issues: one- / two-sided FFT</vt:lpstr>
      <vt:lpstr>FFT in Real-Time | Practical Issues: one- / two-sided FFT</vt:lpstr>
      <vt:lpstr>FFT in Real-Time | Practical Issues: one- / two-sided FFT</vt:lpstr>
      <vt:lpstr>FFT in Real-Time | Practical Issues: Frequency Resolution</vt:lpstr>
      <vt:lpstr>FFT in Real-Time | Simulink Example</vt:lpstr>
      <vt:lpstr>FFT in Real-Time | Simulink Example - Results</vt:lpstr>
      <vt:lpstr>FFT in Real-Time | dSpace Example</vt:lpstr>
      <vt:lpstr>FFT in Real-Time | dSpace Example</vt:lpstr>
      <vt:lpstr>FFT in Real-Time | Summary</vt:lpstr>
      <vt:lpstr>FFT in Real-Time | Helpful Links </vt:lpstr>
      <vt:lpstr>PowerPoint-Präsentation</vt:lpstr>
      <vt:lpstr>FFT in Real-Time</vt:lpstr>
      <vt:lpstr>PowerPoint-Präsentation</vt:lpstr>
      <vt:lpstr>FFT in Real-Time | Discrete Fourier Transform (DFT)</vt:lpstr>
      <vt:lpstr>FFT in Real-Time | Practical Issues: one- / two-sided FFT</vt:lpstr>
      <vt:lpstr>PowerPoint-Prä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creator>Nitsche, Rainer</dc:creator>
  <cp:lastModifiedBy>Nitsche, Rainer</cp:lastModifiedBy>
  <cp:revision>287</cp:revision>
  <cp:lastPrinted>2023-06-28T09:25:42Z</cp:lastPrinted>
  <dcterms:created xsi:type="dcterms:W3CDTF">2021-10-08T12:33:28Z</dcterms:created>
  <dcterms:modified xsi:type="dcterms:W3CDTF">2024-02-21T07:20:1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MSIP_Label_9c86c25f-31f1-46f7-b4f9-3c53b1ed0b07_Enabled">
    <vt:lpwstr>true</vt:lpwstr>
  </property>
  <property fmtid="{D5CDD505-2E9C-101B-9397-08002B2CF9AE}" pid="3" name="MSIP_Label_9c86c25f-31f1-46f7-b4f9-3c53b1ed0b07_SetDate">
    <vt:lpwstr>2021-10-11T09:53:24Z</vt:lpwstr>
  </property>
  <property fmtid="{D5CDD505-2E9C-101B-9397-08002B2CF9AE}" pid="4" name="MSIP_Label_9c86c25f-31f1-46f7-b4f9-3c53b1ed0b07_Method">
    <vt:lpwstr>Standard</vt:lpwstr>
  </property>
  <property fmtid="{D5CDD505-2E9C-101B-9397-08002B2CF9AE}" pid="5" name="MSIP_Label_9c86c25f-31f1-46f7-b4f9-3c53b1ed0b07_Name">
    <vt:lpwstr>Internal</vt:lpwstr>
  </property>
  <property fmtid="{D5CDD505-2E9C-101B-9397-08002B2CF9AE}" pid="6" name="MSIP_Label_9c86c25f-31f1-46f7-b4f9-3c53b1ed0b07_SiteId">
    <vt:lpwstr>a1ae89fb-21b9-40bf-9d82-a10ae85a2407</vt:lpwstr>
  </property>
  <property fmtid="{D5CDD505-2E9C-101B-9397-08002B2CF9AE}" pid="7" name="MSIP_Label_9c86c25f-31f1-46f7-b4f9-3c53b1ed0b07_ActionId">
    <vt:lpwstr>deefeb31-4250-446f-85ea-3d0e905f3c8a</vt:lpwstr>
  </property>
  <property fmtid="{D5CDD505-2E9C-101B-9397-08002B2CF9AE}" pid="8" name="MSIP_Label_9c86c25f-31f1-46f7-b4f9-3c53b1ed0b07_ContentBits">
    <vt:lpwstr>0</vt:lpwstr>
  </property>
  <property fmtid="{D5CDD505-2E9C-101B-9397-08002B2CF9AE}" pid="9" name="Author">
    <vt:lpwstr>BC-DS / Rainer Nitsche</vt:lpwstr>
  </property>
  <property fmtid="{D5CDD505-2E9C-101B-9397-08002B2CF9AE}" pid="10" name="FooterTitle">
    <vt:lpwstr>RSD_24001 FFT on dSpace</vt:lpwstr>
  </property>
  <property fmtid="{D5CDD505-2E9C-101B-9397-08002B2CF9AE}" pid="11" name="FooterLanguage">
    <vt:lpwstr>en</vt:lpwstr>
  </property>
  <property fmtid="{D5CDD505-2E9C-101B-9397-08002B2CF9AE}" pid="12" name="Created">
    <vt:lpwstr>2/6/2024 1:00:00 AM</vt:lpwstr>
  </property>
  <property fmtid="{D5CDD505-2E9C-101B-9397-08002B2CF9AE}" pid="13" name="Modified">
    <vt:lpwstr/>
  </property>
  <property fmtid="{D5CDD505-2E9C-101B-9397-08002B2CF9AE}" pid="14" name="Status">
    <vt:lpwstr>0</vt:lpwstr>
  </property>
  <property fmtid="{D5CDD505-2E9C-101B-9397-08002B2CF9AE}" pid="15" name="Security">
    <vt:lpwstr>2</vt:lpwstr>
  </property>
</Properties>
</file>